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6\"/>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2050" uniqueCount="718">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06/02/2021</t>
  </si>
  <si>
    <t>07:00:00:00</t>
  </si>
  <si>
    <t>N0023372</t>
  </si>
  <si>
    <t>Science of Stupid</t>
  </si>
  <si>
    <t>Piggyback Rides and Ladder Climbing</t>
  </si>
  <si>
    <t>00:30</t>
  </si>
  <si>
    <t>United Kingdom</t>
  </si>
  <si>
    <t>La série qui combine science et vidéos spectaculaires des exploits - ou des ratés - des internautes est de retour pour une deuxième saison. Dans cet épisode, vous verrez qu'il existe de nombreuses manières de se mettre dans des situations embarrassantes ou de se ridiculiser en descendant les escaliers, en portant quelqu'un sur son dos ou en grimpant à l'échelle.</t>
  </si>
  <si>
    <t>07:30:00:00</t>
  </si>
  <si>
    <t>N0024954</t>
  </si>
  <si>
    <t>Comment gagner à tous les coups ?</t>
  </si>
  <si>
    <t>How To Win At Everything</t>
  </si>
  <si>
    <t>How To Win At Everything 1, 1</t>
  </si>
  <si>
    <t>Dans cet épisode passionnant, découvrez les phénomènes scientifiques qui se cachent derrière le créneau et assistez à une démonstration spectaculaire réalisée par un expert de classe mondiale. Apprenez également à réaliser le tour légendaire consistant à retirer une nappe sans casser la vaisselle !  Vous découvrirez aussi quel est le style de descente en rappel  le plus rapide, comment augmenter la portée de votre clef de voiture ou encore les phénomènes physiques en jeu dans un sport international méconnu, l'empilage de verres !</t>
  </si>
  <si>
    <t>07:50:00:00</t>
  </si>
  <si>
    <t>N0024965</t>
  </si>
  <si>
    <t>How To Win At Everything 1, 12</t>
  </si>
  <si>
    <t>Découvrez les phénomènes scientifiques qui se cachent derrière les choses du quotidien mais aussi derrière nos échecs et surtout, derrière nos réussites. Apprenez quelles techniques peuvent vous faire gagner, suivez les démonstrations et tentez les incroyables astuces qui vous permettront d'avoir la main.</t>
  </si>
  <si>
    <t>08:15:00:00</t>
  </si>
  <si>
    <t>P0923555</t>
  </si>
  <si>
    <t>Car S.O.S. : Mitsubishi Evo 4</t>
  </si>
  <si>
    <t>Car S.O.S.</t>
  </si>
  <si>
    <t>Mitsubishi Evo 4</t>
  </si>
  <si>
    <t>00:50</t>
  </si>
  <si>
    <t>Dans cet épisode, Tim et Fuzz mettent le cap sur Devon, où les attend l’une des voitures japonaises les plus poussées à l’extrême : la Mitsubishi Evo IV, une superberline sortie dans les années 1990. À l’époque, l’Evo régnait sur les rallyes automobiles internationaux, avec une version pour la route tout aussi impressionnante, proche d’une voiture de compétition de haut niveau. Gary, un ancien réparateur de télévisions, possède et chérit ce bijou depuis plus de 15 ans. Sa carrière de pilote a malheureusement dû être écourtée lorsqu’il fut diagnostiqué d’une rectocolite hémorragique, suivie d’un cancer du côlon. Hospitalisé pendant des mois, il n’eut d’autre choix que de laisser sa voiture bien-aimée à l’abandon. Sa famille a alors appelé l’équipe de Car S.O.S. à la rescousse afin de lui redonner le sourire après toutes ces épreuves. Lorsque la berline débarque à l’atelier, nos deux compères réalisent qu’un simple relooking ne suffira pas et que la rouille a grignoté les entrailles du véhicule.</t>
  </si>
  <si>
    <t>09:00:00:00</t>
  </si>
  <si>
    <t>P0923553</t>
  </si>
  <si>
    <t>Car S.O.S. : Ferguson TE20</t>
  </si>
  <si>
    <t>Ferguson Tractor</t>
  </si>
  <si>
    <t>Tim et Fuzz partent pour le Yorkshire du Sud, où les attend un tracteur Ferguson TE20 de 1953, une grande première pour l’équipe de Car S.O.S. Acheté par la famille de l’agriculteur Andrew, ce tracteur est laissé à l’abandon à quelques mètres de chez lui depuis des dizaines d’années. Cette dernière année a été particulièrement éprouvante pour notre fermier : après s’être cassé le bassin en tombant, son père, avec qui il dirigeait l’exploitation agricole depuis son enfance, est décédé. Le vieux « Fergie » représente un précieux objet de famille pour Andrew. Lorsque nos deux compères rapportent le tracteur à l’atelier, ils réalisent qu’ils n’ont pas la moindre idée du fonctionnement de ce type de véhicule.</t>
  </si>
  <si>
    <t>09:50:00:00</t>
  </si>
  <si>
    <t>P0923556</t>
  </si>
  <si>
    <t>Car S.O.S. : Austin 7 Chummy</t>
  </si>
  <si>
    <t>Austin 7</t>
  </si>
  <si>
    <t>Dans cet épisode, Tim et Fuzz réunissent un amoureux de la mécanique à sa première voiture tant adorée, une Austin 7 Chummy, dont il s’est séparé il y a plus de 50 ans. Christopher, un ancien peintre et décorateur de 74 ans, a été frappé par un grave AVC l’année dernière. En convalescence, il fait le bilan de sa vie, ce qui l’amène à vouloir réparer l’une de ses plus grandes erreurs : la vente de sa première Austin 7 Chummy. Bien décidé à la retrouver, il se lance à sa recherche dans l’espoir de pouvoir faire une offre, en vain. Sa famille, elle, ne baisse pas les bras ; contre toute attente, elle découvre que la voiture de 1924 est exposée dans un musée depuis 50 ans. Elle la rachète en catimini, avant d’appeler à la rescousse l’équipe de Car S.O.S. pour redonner à ce bijou son éclat d’antan, comme en 1969, date à laquelle Christopher l’a vendue.</t>
  </si>
  <si>
    <t>10:40:00:00</t>
  </si>
  <si>
    <t>P0867610</t>
  </si>
  <si>
    <t>Air Crash : Perte de repères</t>
  </si>
  <si>
    <t>Air Crash Investigation Special Report</t>
  </si>
  <si>
    <t>Deadly Confusion</t>
  </si>
  <si>
    <t>Canada</t>
  </si>
  <si>
    <t>La désorientation spatiale est l’une des principales causes de catastrophes aériennes. Même les pilotes les plus expérimentés peuvent être sensibles à ses effets subtils, et pourtant meurtriers. Distrait, John F. Kennedy Jr. meurt à bord de l’avion qui le conduisait sur l’île de Martha's Vineyard. Suite à la perte de repères de son capitaine, un avion civil s’écrase dans la mer Rouge. Au large des côtes indonésiennes, un Boeing 737 se retrouve pris au piège d’une violente tempête et rejoint les fonds marins.</t>
  </si>
  <si>
    <t>11:30:00:00</t>
  </si>
  <si>
    <t>P0867618</t>
  </si>
  <si>
    <t>Air Crash : Silence radio</t>
  </si>
  <si>
    <t>Radio Silence</t>
  </si>
  <si>
    <t>Si le silence radio entre des pilotes et des contrôleurs aériens peut vouloir dire bien des choses, seules les preuves matérielles peuvent faire la lumière sur ses véritables causes. Face à trois accidents bouleversants, les enquêteurs partent à la pêche aux réponses. Un avion de ligne grec échappe à tout contrôle et s’écrase en périphérie d’Athènes. Suite à la disparition des écrans radar d’un 747 de la compagnie China Airlines, le coupable est retrouvé au fond de l’océan. Des contrôleurs aériens perdent le signal d’un jet privé et des avions de chasse foncent à sa recherche.</t>
  </si>
  <si>
    <t>12:20:00:00</t>
  </si>
  <si>
    <t>P0867612</t>
  </si>
  <si>
    <t>Air Crash : Défaut de conception</t>
  </si>
  <si>
    <t>Design Flaws</t>
  </si>
  <si>
    <t>Ces trois défauts de conception ont attiré l’attention du monde entier et plongé les enquêteurs au cœur d’une vaste controverse. La chute dans la jungle thaïlandaise de l’un des avions de l’ancien pilote de course Niki Lauda met au jour une défaillance présente sur chaque Boeing 767. Une partie d’un DC-10 de la compagnie Turkish Airlines explose, provoquant une catastrophe aérienne sans précédent. Enfin, un vol d’essai à risque constitue le seul moyen de faire la vérité sur les causes de la chute du vol 2311 d'Atlantic Southeast Airlines.</t>
  </si>
  <si>
    <t>13:10:00:00</t>
  </si>
  <si>
    <t>N0015867</t>
  </si>
  <si>
    <t>Air Crash : Pilote en détresse</t>
  </si>
  <si>
    <t>Air Crash Investigation</t>
  </si>
  <si>
    <t>Pilot Betrayed</t>
  </si>
  <si>
    <t>01:00</t>
  </si>
  <si>
    <t xml:space="preserve">27 décembre 1991 : le vol 751 de la Scandinavian Airlines affronte la neige sur le tarmac de l'aéroport Stockholm-Arlanda. Le DC 9 a été dégivré à deux reprises pour pouvoir décoller. Malgré les conditions hivernales, l'appareil s'envole sans heurt. Quelques secondes plus tard, les moteurs se mettent à rugir et de la fumée apparait dans l'habitacle. Moins de deux minutes plus tard, les moteurs tombent en panne. Alors que le pilote tente de les relancer, le monteur gauche prend feu. A plus de 3000 pieds, l'avion a perdu ses moteurs et tombe du ciel. L'appareil heurte violemment le sol, se fracasse en trois morceaux, mais tous les passagers en sortent indemnes. Les enquêteurs vont devoir déterminer les causes de l'accident. </t>
  </si>
  <si>
    <t>14:00:00:00</t>
  </si>
  <si>
    <t>Face au crime : Le marché des stéroïdes</t>
  </si>
  <si>
    <t>Trafficked With Mariana Van Zeller</t>
  </si>
  <si>
    <t>Steroids</t>
  </si>
  <si>
    <t>United States</t>
  </si>
  <si>
    <t>Mariana van Zeller enquête sur le nouveau marché clandestin des stéroïdes qui promet de transformer les consommateurs en superhéros. Grâce à des entretiens inédits avec le docteur Tony Huge, figure controversée du mouvement, elle part à la rencontre des chimistes, des trafiquants et des clients qui repoussent les limites de ces drogues toxiques. Elle s’embarque aux côtés d’un jeune bodybuilder persuadé que les conseils et injections de Tony Huge lui permettront de se qualifier pour l’une des plus grandes compétitions de culturisme au monde.</t>
  </si>
  <si>
    <t>14:50:00:00</t>
  </si>
  <si>
    <t>Face au crime : Le fentanyl</t>
  </si>
  <si>
    <t>Fentanyl</t>
  </si>
  <si>
    <t>Aux États-Unis, le fentanyl est devenu la plus redoutable des drogues. Mariana van Zeller plonge dans les méandres du cartel du Sinaloa afin de découvrir comment cette substance est transformée, emballée, expédiée et introduite clandestinement sur le territoire américain. En chemin, elle nous livre des révélations fracassantes ainsi que des récits déchirants provoqués par la crise des opiacés la plus meurtrière de l’histoire.</t>
  </si>
  <si>
    <t>15:40:00:00</t>
  </si>
  <si>
    <t>N0024214</t>
  </si>
  <si>
    <t>Black Market : La contrefaçon pharmaceutique</t>
  </si>
  <si>
    <t>Underworld Inc</t>
  </si>
  <si>
    <t>Fake Pharma</t>
  </si>
  <si>
    <t xml:space="preserve">Le commerce illégal de produits pharmaceutiques est bien plus important que celui de l'héroïne. Vendus sur internet, dans les pharmacies ou dans les rues, la demande ne cesse d'augmenter.  Suivez les policiers qui traquent sans relâche les voleurs, les trafiquants et les pharmacies qui n'ont pas pignon sur rue. Ce marché représente une réelle menace dont les conséquences sont souvent funestes. </t>
  </si>
  <si>
    <t>16:35:00:00</t>
  </si>
  <si>
    <t>N0024209</t>
  </si>
  <si>
    <t>Black Market : Une économie en toc</t>
  </si>
  <si>
    <t>Knock-Offs</t>
  </si>
  <si>
    <t xml:space="preserve">Absolument tout peut être imité : les montres, les livres de poche, les gadgets électroniques, les smartphones. La qualité de ces imitations est d'ailleurs parfois bluffante. Chaque année, le commerce de contrefaçons génère environ 500 milliards de dollars. Du côté des fabricants, la Chine occupe les premières places. Côté consommateurs, le marché américain est l'un des plus importants. Mais si les produits sont faux, les risques sont réels avec notamment des produits de mauvaise qualité parfois dangereux. La pression grandissante des policiers pousse les faussaires à s'adapter sans cesse. Suivez les officiers du Bureau américain des douanes et de la protection des frontières dans ce jeu du chat et de la souris. </t>
  </si>
  <si>
    <t>17:30:00:00</t>
  </si>
  <si>
    <t>P0829096</t>
  </si>
  <si>
    <t>Alerte aux frontières en Amérique Latine : Prêt bancaire</t>
  </si>
  <si>
    <t>Latin American Hot Borders</t>
  </si>
  <si>
    <t>Bank Loan</t>
  </si>
  <si>
    <t>Argentina</t>
  </si>
  <si>
    <t xml:space="preserve">À la frontière sud du Pérou, des agents des douanes découvrent un colis suspect sous les vêtements d’une femme. Le passage aux rayons X révèle une importante somme d’argent qui, selon l’intéressée, proviendrait d’un prêt bancaire. Alors que le soleil se couche sur la frontière entre la Colombie et le Venezuela, une Vénézuélienne et un Colombien doivent attendre le lever du jour pour se retrouver car ce dernier ne possède pas les documents nécessaires pour entrer dans le pays de sa bien-aimée.
</t>
  </si>
  <si>
    <t>17:55:00:00</t>
  </si>
  <si>
    <t>P0829097</t>
  </si>
  <si>
    <t>Alerte aux frontières en Amérique Latine : Livraison sous contrôle</t>
  </si>
  <si>
    <t>Controlled Delivery</t>
  </si>
  <si>
    <t xml:space="preserve">Des policiers arrêtent deux femmes qui tentaient de pénétrer dans la ville frontalière d’Arica avec de la cocaïne. Au cours d’un interrogatoire, les agents essaient de savoir qui les a payées pour franchir la frontière avec de la drogue. En parallèle, des douaniers en patrouille sur le pont Simon Bolivar tombent sur une famille qui tente d’entrer dans le pays avec une grande quantité de marchandises illégales.
</t>
  </si>
  <si>
    <t>18:25:00:00</t>
  </si>
  <si>
    <t>P0829098</t>
  </si>
  <si>
    <t>Alerte aux frontières en Amérique Latine : Au-dessus des lois</t>
  </si>
  <si>
    <t>Above the Law</t>
  </si>
  <si>
    <t xml:space="preserve">La journée est loin d’être finie à la frontière entre le Brésil et le Paraguay, où des policiers interceptent une femme transportant une importante quantité de médicaments sans aucune prescription médicale. Pendant ce temps, les gardes-côtes péruviens mettent la main sur un petit bateau dans lequel une valise remplie de cocaïne a été abandonnée.
</t>
  </si>
  <si>
    <t>18:40:00:00</t>
  </si>
  <si>
    <t>P0829099</t>
  </si>
  <si>
    <t>Alerte aux frontières en Amérique Latine : Un oubli dangereux</t>
  </si>
  <si>
    <t>A Dangerous Oversight</t>
  </si>
  <si>
    <t xml:space="preserve">Sur le pont international de l’Amitié, les agents ont du pain sur la planche. Alors que des douaniers fouillent une voiture suspecte, deux agents de police arrêtent un jeune couple en possession de marijuana et d’un couteau. À la frontière chilienne, un chien détecteur de drogue signale un jeune homme voyageant avec sa femme, son enfant et… du LSD oublié dans son portefeuille.
</t>
  </si>
  <si>
    <t>19:20:00:00</t>
  </si>
  <si>
    <t>P0829100</t>
  </si>
  <si>
    <t>Alerte aux frontières en Amérique Latine : Cimetière sans fleurs</t>
  </si>
  <si>
    <t>A Cemetery without Flowers</t>
  </si>
  <si>
    <t xml:space="preserve">Dans la ville frontalière d'Arica, au Chili, un homme affirme travailler dans un bureau de change lorsque des douaniers découvrent qu’il transporte plus de 14 000 dollars non déclarés. En parallèle, un couple tente d’entrer en Colombie depuis le Venezuela avec un très grand nombre de fleurs. Lorsque les agents des douanes les informent qu’ils devront abandonner leurs fleurs, l’homme se lance dans une violente diatribe.
</t>
  </si>
  <si>
    <t>19:45:00:00</t>
  </si>
  <si>
    <t>P0829101</t>
  </si>
  <si>
    <t>Alerte aux frontières en Amérique Latine : Les risques du vol</t>
  </si>
  <si>
    <t>Flight Risk</t>
  </si>
  <si>
    <t>À la frontière entre le Pérou et le Chili, des douaniers inspectent une voiture bourrée de passagers qui transportent une somme d’argent trois fois supérieure à celle autorisée pour franchir la frontière. Pendant ce temps, à la frontière brésilienne, un groupe de jeunes hommes qui acheminent des marchandises non déclarées tentent de traverser à toute vitesse. Les choses s’enveniment lorsqu’ils en viennent aux mains avec les agents.</t>
  </si>
  <si>
    <t>20:10:00:00</t>
  </si>
  <si>
    <t>P0848674</t>
  </si>
  <si>
    <t>Vol au-dessus de la Chine : Terres montagneuses et fluviales</t>
  </si>
  <si>
    <t>China From Above</t>
  </si>
  <si>
    <t>Land of Mountains And Rivers</t>
  </si>
  <si>
    <t>New Zealand</t>
  </si>
  <si>
    <t>Depuis le ciel, partez à la découverte des immenses terres chinoises et de ces habitants qui évoluent au cœur d’environnements parmi les plus variés de la planète.</t>
  </si>
  <si>
    <t>21:00:00:00</t>
  </si>
  <si>
    <t>Air Crash : Chute de moteur</t>
  </si>
  <si>
    <t>Engine Gone</t>
  </si>
  <si>
    <t>Alors confrontés à une même situation inextricable, le détachement d’un moteur de leur avion de ligne, ces trois équipages ne paient pas les mêmes conséquences.</t>
  </si>
  <si>
    <t>21:50:00:00</t>
  </si>
  <si>
    <t>Air Crash : Collisions sur le tarmac</t>
  </si>
  <si>
    <t>Runway Collisions</t>
  </si>
  <si>
    <t xml:space="preserve">Trois collisions tragiques sur le tarmac d’aéroports soulèvent une question brûlante : comment deux avions peuvent-ils se retrouver sur la même piste au même moment ? </t>
  </si>
  <si>
    <t>22:40:00:00</t>
  </si>
  <si>
    <t>P0812708</t>
  </si>
  <si>
    <t>Air Crash : Rupture des communications</t>
  </si>
  <si>
    <t>Communication Breakdown</t>
  </si>
  <si>
    <t>De simples malentendus sont à l’origine de certains des accidents aériens les plus meurtriers de l’histoire. Une minuscule erreur dans le cockpit a suffi à créer le chaos à l’aéroport de Quincy, dans l’Illinois. Il n’en a pas fallu plus qu’une infime maladresse et qu’une approche non conforme pour qu’une épaisse fumée s’ajoute à un malentendu tragique, qui a coûté la vie de tous les passagers du vol 152 Garuda Indonesia. Jamais un quiproquo n’a été aussi dévastateur que lors de l’accident d’avion le plus meurtrier de tous les temps, sur l’île de Tenerife.</t>
  </si>
  <si>
    <t>23:30:00:00</t>
  </si>
  <si>
    <t>P0814380</t>
  </si>
  <si>
    <t>Air Crash : Un comportement inadapté</t>
  </si>
  <si>
    <t>Bad Attitude</t>
  </si>
  <si>
    <t>Sur chaque vol, les passagers laissent leur vie entre les mains du commandant de bord, dont les faiblesses humaines suffisent pourtant à engendrer la chute de l’avion. Suite au crash du vol 548 British European Airways peu après le décollage, les enquêteurs révèlent un ensemble de facteurs humains, à l’issue tragique, liés au commandant de bord. Au même moment, sur le vol 5719 Northwest Airlink, l’opiniâtreté d’un capitaine paralyse son copilote. C’est également la faille cachée du commandant de bord qui s’avèrera fatale pour tous les passagers à bord du vol 2286 Trans Colorado.</t>
  </si>
  <si>
    <t>24:15:00:00</t>
  </si>
  <si>
    <t>25:00:00:00</t>
  </si>
  <si>
    <t>25:45:00:00</t>
  </si>
  <si>
    <t>26:30:00:00</t>
  </si>
  <si>
    <t>27:15:00:00</t>
  </si>
  <si>
    <t>27:35:00:00</t>
  </si>
  <si>
    <t>28:00:00:00</t>
  </si>
  <si>
    <t>Corée du Nord : Dans la tête d’un dictateur - Dilemme de dictateur</t>
  </si>
  <si>
    <t>Keeping Up</t>
  </si>
  <si>
    <t>North Korea: Inside The Mind of A Dictator: Dictator's Dilemma</t>
  </si>
  <si>
    <t>Cet épisode explore les méandres de l’esprit de Kim Jong Un, l’imprévisible dirigeant de la Corée du Nord. Hanté par son passé, il tente de dessiner l’avenir de son pays tout en gardant son peuple sous contrôle. À travers des archives intimes, nous pénétrons dans les coulisses de la famille Kim et faisons la connaissance de sa sœur aînée. Lors d’un entretien inédit, un meurtrier dupé révèle les détails de l’assassinat organisé par le chef d’État lui-même de son demi-frère, au cours d’un attentat dans un aéroport.</t>
  </si>
  <si>
    <t>28:45:00:00</t>
  </si>
  <si>
    <t>Corée du Nord : Dans la tête d’un dictateur - Diplomatie nord-coréenne</t>
  </si>
  <si>
    <t>North Korea: Inside The Mind of A Dictator: Taking The World Stage</t>
  </si>
  <si>
    <t>Dans cet épisode, le chef d’État nord-coréen s’essaie pour la première fois à la diplomatie afin de libérer son pays des sanctions qui le paralysent. Après avoir retracé son passé avec certains de ses vieux amis, nous pénétrons dans les coulisses des sommets planétaires. À travers le récit de participants aux réunions, nous explorons l’amitié virile tissée entre Kim Jong Un et Donald Trump, puis le retour aux bonnes vieilles habitudes du dirigeant suite à la rupture des pourparlers, incarnées par une nouvelle arme terrifiante.</t>
  </si>
  <si>
    <t>29:30:00:00</t>
  </si>
  <si>
    <t>07/02/2021</t>
  </si>
  <si>
    <t>N0024434</t>
  </si>
  <si>
    <t>Soccer Balls and Mouse Traps</t>
  </si>
  <si>
    <t>Dans ce nouvel épisode de Science of Stupid, tout est affaire de précision ! Vous pensiez avoir toutes les qualités pour sauter d'immeuble en immeuble comme un professionnel du parkour ? Découvrez ce qui se cache derrière chaque saut, impulsion ou atterrissage. Vous avez toujours rêvé de donner au ballon le même effet que Beckham ? Etudier plusieurs frappes pour en comprendre les subtilités. Et enfin découvrez pourquoi les petits de trois ans sont bien meilleurs que les adultes pour faire du toboggan !</t>
  </si>
  <si>
    <t>N0024956</t>
  </si>
  <si>
    <t>How To Win At Everything 1, 3</t>
  </si>
  <si>
    <t>Cet épisode à couper le souffle vous révèle les secrets utilisés par les experts pour retenir leur respiration pendant une durée incroyable ainsi que ce qui se passe dans leur corps pendant ce temps. De nombreux grands matchs de football internationaux se concluent par une séance cruciale de tirs au but. Découvrez les techniques pour réaliser le pénalty parfait. Nos deux cobayes Justin et Chris essaient deux techniques différentes pour voir laquelle mène à la victoire. Apprenez également comment créer un haut-parleur très pratique pour smartphone et comment rester au frais même durant la nuit la plus chaude de l'été.</t>
  </si>
  <si>
    <t>N0024958</t>
  </si>
  <si>
    <t>How To Win At Everything 1, 5</t>
  </si>
  <si>
    <t>Ce programme aide les simples mortels à devenir de véritables dieux en vous montrant comment gagner à tous les coups.  La série examine les phénomènes scientifiques en jeu dans votre vie quotidienne, dans vos échecs mais aussi et surtout, dans vos réussites. Analyse des techniques gagnantes, cascades incroyables, démonstrations d'experts et essais réalisés par des jumeaux cobayes, découvrez comment passer d'une personne lambda à un être surhumain qui gagne sur tous les tableaux. Dans cet épisode, apprenez comment gagner de précieuses secondes sur la piste de karting, comment éviter de se faire tirer dessus ou encore comment marquer des points aux fléchettes. Découvrez également comment réaliser des bougies en utilisant...du thon !</t>
  </si>
  <si>
    <t>N0024685</t>
  </si>
  <si>
    <t>Tim contre le web : Buddy contre le train</t>
  </si>
  <si>
    <t>Man vs. Viral</t>
  </si>
  <si>
    <t>Buddy V. Train</t>
  </si>
  <si>
    <t>Tim Shaw et son cobaye cascadeur Buddy Munro se rendent sur le Mont des Géants, en République Tchèque, pour tenter de skier en montée grâce à un propulseur. Tim met ensuite Buddy au défi de battre un train à la course entre deux stations du service de transports de Munich. Et dans les collines de Mendip dans le Somerset, ils tentent de lancer un feu d'artifice fait maison pour créer une traînée de fumée complexe en hélice.</t>
  </si>
  <si>
    <t>N0024845</t>
  </si>
  <si>
    <t>Tim contre le web : Tennis dans les airs</t>
  </si>
  <si>
    <t>Wing Tennis</t>
  </si>
  <si>
    <t>Sur un aérodrome près de Berlin, en Allemagne, Tim Shaw et son acolyte, Buddy Munro, se préparent à jouer une partie de tennis sur l'aile d'un biplan des années 1940 en plein vol. Le duo se rend ensuite dans le Nord-Ouest de l'Angleterre avec un trio de voitures de pompiers pour tenter de propulser Buddy dans les airs grâce aux jets d'eau. Enfin, sur les rives d'un lac pittoresque du Pays de Galles, les deux compères tentent de glisser le plus loin possible avec l'aide d'un puissant treuil V8.</t>
  </si>
  <si>
    <t>N0024846</t>
  </si>
  <si>
    <t>Tim contre le web : Spiderman</t>
  </si>
  <si>
    <t>Vacuum Cleaner Spiderman</t>
  </si>
  <si>
    <t>Dans un théâtre souterrain inachevé du centre de Londres, Buddy escalade littéralement les murs tel un vrai Spiderman pour mettre à l'épreuve le kit d'escalade par aspiration de Tim. Notre duo de choc se rend ensuite dans un atelier d'Hereford où ils tentent de fabriquer une bouteille de soda de 1 000 litres pour créer une fontaine à soda de 10 mètres de haut ! Puis, dans un complexe industriel situé à l'extérieur de Birmingham, la souplesse et la force de Buddy sont poussées à leurs limites alors qu'il tente de faire le grand écart sur des chariots élévateurs.</t>
  </si>
  <si>
    <t>Les trésors perdus de la Vallée des Rois : À la recherche de Cléopâtre</t>
  </si>
  <si>
    <t>Lost Treasures of Egypt (Compilations)</t>
  </si>
  <si>
    <t>Search For Cleopatra</t>
  </si>
  <si>
    <t>Dans cet épisode, nos archéologues remontent la piste du tombeau de la dernière pharaonne d’Égypte, Cléopâtre. Alors qu’une découverte capitale est réalisée sous un temple antique grâce à une technologie expérimentale, une équipe met au jour des traces des palais royaux de l’ancienne capitale au cœur d’un centre-ville animé. En parallèle, la détection accidentelle d’une momie apporte un éclairage sur l’identité des prédécesseurs de Cléopâtre.</t>
  </si>
  <si>
    <t>Les trésors perdus de la Vallée des Rois : Les mystères des pyramides</t>
  </si>
  <si>
    <t>Secrets of The Pyramids</t>
  </si>
  <si>
    <t>Dans cet épisode, nos archéologues explorent la plus ancienne nécropole d’Égypte afin de retracer les origines des pyramides. Grâce à un accès inédit à la première pyramide jamais édifiée, les secrets des bâtisseurs nous sont enfin révélés. Tandis que des spécialistes exhument des squelettes à proximité, d’autres examinent un tombeau disparu à la recherche du génie qui se cache derrière la construction des majestueux monuments. Des chercheurs retrouvent des textes anciens susceptibles de résoudre les énigmes des Enfers égyptiens.</t>
  </si>
  <si>
    <t>P0930540</t>
  </si>
  <si>
    <t>Le royaume des momies égyptiennes : Le sarcophage solitaire</t>
  </si>
  <si>
    <t>Kingdom of The Mummies</t>
  </si>
  <si>
    <t>The Lone Coffin</t>
  </si>
  <si>
    <t>Au sein du complexe funéraire de Saqqarah récemment mis au jour, un salon mortuaire se distingue des autres. Alors que de nombreuses momies reposent dans les autres chambres, celui-ci n’abrite qu’un seul sarcophage de pierre. Afin de révéler la momie qu’il renferme, le Dr Ramadan Hussein et son équipe entreprennent de soulever le couvercle massif de cinq tonnes qui la recouvre. Quels secrets vont-ils découvrir sur l’identité du propriétaire de ce tombeau vieux de 2 600 ans ?</t>
  </si>
  <si>
    <t>P0876242</t>
  </si>
  <si>
    <t>Les mines d’or du roi Salomon</t>
  </si>
  <si>
    <t>Quest For King Solomon's Treasure</t>
  </si>
  <si>
    <t>De nombreux chasseurs de trésors se sont lancés à la recherche des mines du roi Salomon, quête directement inspirée par le récit biblique de temples éclatants ornés d’or et de cuivre rutilants. Toute trace de l’existence de Salomon a jusqu’ici suscité de vives controverses. En 2010, des vestiges ensevelis dans le désert jordanien pendant des siècles sont découverts lors d’expéditions révolutionnaires.</t>
  </si>
  <si>
    <t>P0853047</t>
  </si>
  <si>
    <t>Inside Syrie : la dynastie el-Assad</t>
  </si>
  <si>
    <t>Inside Syria's Deadly Dynasty</t>
  </si>
  <si>
    <t>Inside Syria's Deadly Dynasty, 1</t>
  </si>
  <si>
    <t>02:00</t>
  </si>
  <si>
    <t>Découvrez l’histoire de la dynastie à l’origine de la guerre civile syrienne. À travers des images rares et des témoignages de sources proches de l’État, le film retrace l’ascension au pouvoir du président Bachar el-Assad, ancien ophtalmologiste sans prétention, et de sa femme. Autrefois perçu comme un souffle de modernité pour la Syrie, comment ce couple en est-il venu à orchestrer une guerre sanglante, responsable de certains des crimes les plus atroces de l’histoire contemporaine ?</t>
  </si>
  <si>
    <t>Pêche à haut risque : nord contre sud - Pas une minute à perdre</t>
  </si>
  <si>
    <t>Wicked Tuna: North Vs South</t>
  </si>
  <si>
    <t>No Time to Lose</t>
  </si>
  <si>
    <t>Au coude à coude, les champions du Nord et du Sud s’affrontent pour s’emparer du précieux thon rouge avant que la saison ne touche à sa fin.</t>
  </si>
  <si>
    <t>Pêche à haut risque : nord contre sud - Bataille de titans</t>
  </si>
  <si>
    <t>Titan Showdown</t>
  </si>
  <si>
    <t>01:30</t>
  </si>
  <si>
    <t>Il ne reste plus que deux jours aux capitaines pour prouver qu’ils ont l’étoffe du prochain champion des Outer Banks.</t>
  </si>
  <si>
    <t>Pêche à haut risque : nord contre sud - Le choc des titans</t>
  </si>
  <si>
    <t>Clash of The Titans</t>
  </si>
  <si>
    <t>Le lancement de la saison hivernale de la pêche du thon rouge attire dans les Outer Banks d’anciens champions, de redoutables adversaires ainsi qu’une nouvelle menace venue du nord. Pour la première fois, le FV-Tuna.Com vient gonfler les rangs de la flotte du sud. Ce quintuple vainqueur saura-t-il braver les tumultueuses mers méridionales ? Cette saison promet un casting de stars avec le retour à la barre du Fishin Frenzy, du Reel E Bugging, du Hot Tuna et du Pinwheel, tous déterminés à ramener le précieux butin.</t>
  </si>
  <si>
    <t>Les trésors perdus de la Vallée des Rois : Sur les traces de Néfertiti</t>
  </si>
  <si>
    <t>Hunt For Queen Nefertiti</t>
  </si>
  <si>
    <t>Dans cet épisode, des archéologues partent sur les traces de la plus mystérieuse reine d’Égypte, Néfertiti. Tandis que nous explorons un labyrinthe de tombeaux souterrains à la recherche de sa dernière demeure, une équipe égyptienne met au jour un cercueil parfaitement conservé rempli d’objets funéraires inhabituels, qui remonte à l’époque de la souveraine. Pendant ce temps, à Saqqarah, des chercheurs creusent le sable à la recherche d’une autre épouse de haut rang disparue.</t>
  </si>
  <si>
    <t>Les trésors perdus de la Vallée des Rois : Ramsès II, bâtisseur d’empire</t>
  </si>
  <si>
    <t>Ramses The Great: Empire Builder</t>
  </si>
  <si>
    <t>Dans cet épisode, nos archéologues remontent une piste afin de tenter de percer les mystères de la réussite de Ramsès II. Alors que des outils technologiques de pointe permettent de sauver l’un des plus beaux trésors de l’Égypte, une équipe met au jour dans une cité antique un palais secret qui servait de sanctuaire privé au pharaon. En parallèle, des fouilles menées dans un puits conduisent à une découverte révolutionnaire.</t>
  </si>
  <si>
    <t>P0930555</t>
  </si>
  <si>
    <t>Le royaume des momies égyptiennes : Entrée par effraction</t>
  </si>
  <si>
    <t>The Broken Seal</t>
  </si>
  <si>
    <t>L’archéologie s’apparente à un travail de détective, en particulier lorsque les enquêteurs mettent la main sur un sarcophage de 12 tonnes au sceau brisé et au couvercle dépareillé. Au vu des failles dans le ciment, le Dr Ramadan Hussein soupçonne que le couvercle ait été retiré et remplacé dès l’Antiquité. Bien décidée à découvrir ce que renferme le cercueil, l’équipe de chercheurs passe au peigne fin les moindres indices laissés sur cette scène de crime.</t>
  </si>
  <si>
    <t>P0875146</t>
  </si>
  <si>
    <t>Pharaons noirs : L’empire de l’or</t>
  </si>
  <si>
    <t>Rise Of The Black Pharaohs</t>
  </si>
  <si>
    <t>Black Pharaohs: Empire of Gold, 1</t>
  </si>
  <si>
    <t>Pyramides, or et trésors antiques ne riment pas forcément avec Égypte… Partez à la découverte du Soudan, autrefois berceau du glorieux royaume de Koush. Des robots aux alpinistes, les archéologues emploient à présent tous les moyens à leur disposition pour percer les mystères de cette culture longtemps oubliée. Les Kouchites remplissaient d’or les coffres des pharaons et ont même régné sur l’ensemble de l’Égypte à une époque. Mais ce n’est qu’aujourd’hui que leur véritable histoire est enfin révélée…</t>
  </si>
  <si>
    <t>08/02/2021</t>
  </si>
  <si>
    <t>N0024435</t>
  </si>
  <si>
    <t>Table Dancing and Sock Sliding</t>
  </si>
  <si>
    <t>Vous vous êtes toujours demandé pourquoi vous glissiez sur la glace ? Pourquoi vous n'arrivez jamais à lancer un Frisbee ou pourquoi vos sauts en BMX se concluent par une visite à l'hôpital ? Richard Hammond a toutes les réponses à vos questions dans cette nouvelle saison de Science of Stupid, la série qui combine science et vidéos spectaculaires des exploits ou des ratés des internautes. Découvrez toutes les manières possibles d'avoir la honte de votre vie en dansant sur les tables ou en glissant sur le sol.</t>
  </si>
  <si>
    <t>N0001463</t>
  </si>
  <si>
    <t>Comment ça marche ?</t>
  </si>
  <si>
    <t>I Didn't Know That</t>
  </si>
  <si>
    <t>I Didn't Know That 2, 1</t>
  </si>
  <si>
    <t>00:35</t>
  </si>
  <si>
    <t xml:space="preserve">Pouvez-vous surpasser un détecteur de mensonges ? Vous poignardez avec un pointe de crayon ? Et comment faire voler droit une fusée ? Richard Ambrose et Jonny Phillips enquêtent.
</t>
  </si>
  <si>
    <t>N0000780</t>
  </si>
  <si>
    <t>I Didn't Know That 2, 2</t>
  </si>
  <si>
    <t xml:space="preserve">Richard et Jonny découvrent les secrets des vêtements intelligents, expérimentent un grand-huit ultra-rapide et vont à la rencontre de puces.
</t>
  </si>
  <si>
    <t>N0016141</t>
  </si>
  <si>
    <t>Air Crash : Chaos dans le cockpit</t>
  </si>
  <si>
    <t>Cockpit Chaos</t>
  </si>
  <si>
    <t xml:space="preserve">16 août 1987. Le vol 255 de Northwest Airlines est sur le tarmac de l'aéroport de Detroit. Les pilotes se dirigent vers Phénix en Arizona mais doivent d'abord trouver la piste de décollage et d'atterrissage. Les contrôleurs leur ont donné un changement de dernière minute et les pilotes parviennent difficilement à localiser l'entrée de leur piste de décollage. Après 45 minutes de retard, les pilotes place le DC-9 dans la bonne position. L'avion décolle de la à une vitesse de 95 miles à l'heure. Alors que le Capitaine John Maus se retire de la tour de contrôle, l'avion ne parvient pas à  décoller et rentre en collision avec un poteau et un bâtiment avant de dévaster une autoroute. Ceci est la deuxième catastrophe aérienne la plus mortelle dans l'histoire de l'aviation américaine... Les enquêteurs parviendront-ils à déterminer ce qui a pu provoquer un tel accident ?
</t>
  </si>
  <si>
    <t>P0828306</t>
  </si>
  <si>
    <t>Air Crash : Chute libre</t>
  </si>
  <si>
    <t>Free Fall</t>
  </si>
  <si>
    <t xml:space="preserve">Alors qu’il relie Singapour à Perth, le vol 72 de Qantas Airways chute tout à coup au-dessus de l’océan Indien. La violence de l’accélération propulse les passagers hors de leurs sièges. Une série d’avertissements de vitesse excessive et de décrochage envahit l’écran d’affichage du poste de pilotage… Aucun doute, quelque chose cloche. Pilote de chasse expérimenté, le commandant de bord réussit à faire atterrir l’avion sans encombres. Il revient désormais aux enquêteurs australiens de faire la lumière sur ces mystérieux dysfonctionnements qui ont bien failli coûter la vie à de nombreux passagers et ont mis l’un des avions les plus populaires du monde en péril.
</t>
  </si>
  <si>
    <t>N0018362</t>
  </si>
  <si>
    <t>Destruction tout bénef ! : Les trésors du lac</t>
  </si>
  <si>
    <t>Bid &amp; Destroy</t>
  </si>
  <si>
    <t>Lake House Riches</t>
  </si>
  <si>
    <t>Brian, Lee et le reste de l'équipe de démolition remportent un appel d'offre pour une maison construite au-dessus d'un lac. Si Brian est parvenu à gagner le marché, il l'a néanmoins obtenu à un prix bien plus bas que ce que Lee aurait voulu. Mais Bryan est certain d'y trouver des objets de valeur qui rendront leur intervention profitable. Pourtant, même après qu'ils aient trouvé des objets intéressants, Lee n'est toujours pas convaincu. En effet, démolir une maison sur l'eau est une tâche délicate, il faut à tout prix éviter de polluer le lac...</t>
  </si>
  <si>
    <t>11:05:00:00</t>
  </si>
  <si>
    <t>N0018558</t>
  </si>
  <si>
    <t>Destruction tout bénef ! : Feu et fortune</t>
  </si>
  <si>
    <t>House-Fire To Fortune</t>
  </si>
  <si>
    <t>Brian et Lee doivent démolir une maison ayant subi un incendie. A cause de leur proposition particulièrement basse, ils doivent accomplir cette tâche en une journée s'ils veulent en tirer profit. De plus, la propriétaire souhaite garder les fondations de la maison intactes...</t>
  </si>
  <si>
    <t>N0025501</t>
  </si>
  <si>
    <t>Top Cars : Nissan GT-R</t>
  </si>
  <si>
    <t>Supercar Megabuild</t>
  </si>
  <si>
    <t>Nissan GT-R</t>
  </si>
  <si>
    <t xml:space="preserve">Afzal Kahn a bâti une entreprise internationale florissante, modifiant et customisant de superbes voitures pour les rendre incroyables. Plusieurs ateliers répondent déjà aux besoins d'une clientèle haut-de-gamme mais Afzal Kahn aime les nouveaux défis. Derrière, ses experts de la mécanique Ralph et Ranen ont mis en place un atelier expérimental. Débordant de connaissances mécaniques, il leur manque les clients et le style. Avec leurs connaissances complémentaires, le trio est bien décidé à relever des défis incroyables ! </t>
  </si>
  <si>
    <t>N0025493</t>
  </si>
  <si>
    <t>Top Cars : Aston Martin V8 Vantage</t>
  </si>
  <si>
    <t>Aston Martin Vantage</t>
  </si>
  <si>
    <t>Dans cet épisode, Afzal Kahn et son département Recherches et Développement décident de convertir une Aston Martin Vantage V8 en voiture de course surpuissante inspirée de la GT. Ralph et Ranen, les ingénieurs à l'origine du projet se lancent pour faire de cette voiture élégante un véritable monstre de la piste. Une  contrainte cependant, elle doit rester utilisable sur route de manière légale pour les clients de M. Kahn. S'ils parviennent à relever le défi, Afzal Kahn est persuadé que cela peut être le début de quelque chose.</t>
  </si>
  <si>
    <t>Pêche à haut risque : nord contre sud - Le meilleur outil</t>
  </si>
  <si>
    <t>Stick 'em</t>
  </si>
  <si>
    <t>Nick Gowitzka, capitaine du Little Shell, vend depuis longtemps le « green stick » comme la clef de sa réussite. Mais cet outil ne fait pas l’unanimité chez les membres de la flotte, qui lui préfèrent la canne et le moulinet pour débusquer le thon rouge géant dans les mers du sud. Cette saison, le Pinwheel est le dernier bateau à ne pas avoir encore pêché un seul poisson. Face à un retard qui semble de plus en plus inextricable, l’équipage est désespéré.</t>
  </si>
  <si>
    <t>Pêche à haut risque : nord contre sud - La fierté de la famille</t>
  </si>
  <si>
    <t>Family Pride</t>
  </si>
  <si>
    <t>Le fameux « green stick » continuera-t-il à offrir une longueur d’avance au Little Shell ? À moins que ses adversaires plus traditionnels, attachés à la canne et au moulinet, ne remportent la victoire à plus long terme…</t>
  </si>
  <si>
    <t>Pêche à haut risque : nord contre sud - Le temps, c’est de l’argent</t>
  </si>
  <si>
    <t>Pay To Play</t>
  </si>
  <si>
    <t>Dans la course à l’or bleu, chaque seconde compte. À mesure que la pression monte, les préoccupations financières pèsent sur l’esprit des capitaines.</t>
  </si>
  <si>
    <t>Pêche à haut risque : nord contre sud - Flots déchaînés</t>
  </si>
  <si>
    <t>Fishing Up A Storm</t>
  </si>
  <si>
    <t>Dans les Outer Banks, les conditions météorologiques peuvent changer en l’espace d’un instant. Lorsque les flots se déchaînent et que les intempéries s’abattent sur la flotte, les capitaines doivent choisir : lutter ou fuir.</t>
  </si>
  <si>
    <t>N0028121</t>
  </si>
  <si>
    <t>La route de l'enfer : Norvège</t>
  </si>
  <si>
    <t>Ice Road Rescue</t>
  </si>
  <si>
    <t>Crime Scene Rescue</t>
  </si>
  <si>
    <t>Norway</t>
  </si>
  <si>
    <t>Voici une nouvelle saison pour les remorqueurs norvégiens, prêts à affronter le grand froid habituel. Dans ce nouvel épisode, Thord participe à l’enquête d’une scène de crime, Kristoffer and Erik se gavent de sushis bas de gamme, et le débutant, Andrej, doit faire face à une voiture beaucoup trop chargée... Bjørn, le loup solitaire, est le gardien des montagnes norvégiennes.</t>
  </si>
  <si>
    <t>P0830172</t>
  </si>
  <si>
    <t>La route de l'enfer : Norvège - Affaire suspecte</t>
  </si>
  <si>
    <t>Fishy Business</t>
  </si>
  <si>
    <t xml:space="preserve">À l’extrême nord de la Norvège, nos deux remorqueurs courageux doivent accomplir une mission qui, bien que d’apparence simple, ne se termine jamais : maintenir un réseau routier de plusieurs milliers de kilomètres en service 365 j/an.
</t>
  </si>
  <si>
    <t>N0018088</t>
  </si>
  <si>
    <t>Aéroport JFK : Pris en flag ! : Le baron de la drogue</t>
  </si>
  <si>
    <t>To Catch A Smuggler: JFK Airport</t>
  </si>
  <si>
    <t>Courier To Kingpin</t>
  </si>
  <si>
    <t>Quatre kilos de cocaïne, deux avions de contrebandes et un faux enlèvement ? Quand on travaille comme douanier à l'aéroport JFK, il faut s'attendre à tout. Et dans ce nouvel épisode, le défi est de taille...</t>
  </si>
  <si>
    <t>P0930545</t>
  </si>
  <si>
    <t>Ultimate airport : USA -Trafiquant infiltré</t>
  </si>
  <si>
    <t>To Catch A Smuggler</t>
  </si>
  <si>
    <t>Inside Job</t>
  </si>
  <si>
    <t>À l’aéroport John F. Kennedy de New York, les agents de la Sécurité intérieure enquêtent sur un bagagiste douteux. Ils mettent alors au jour un réseau criminel international prenant appui sur des employés de compagnies aériennes pour faire entrer de la cocaïne sur le sol américain. De nouvelles informations permettent des arrestations et des saisies dans tout le pays, dont un démantèlement devant un terminal de l’aéroport new-yorkais. À Miami, les douaniers suspectent une passagère de dissimuler de la cocaïne dans ses chaussures. De leur côté, les policiers de Los Angeles sévissent contre le trafic de contrefaçon et confisquent des articles frauduleux d’une valeur estimée à 500 000 dollars.</t>
  </si>
  <si>
    <t>Alaska : Nouvelle vie - Déclaration d’indépendance</t>
  </si>
  <si>
    <t>Alaska: The New Pioneers</t>
  </si>
  <si>
    <t>Declaration of Independence</t>
  </si>
  <si>
    <t>Afin de se libérer des normes imposées par la société, la nouvelle génération d’Alaskains doit inventer ses propres règles pour survivre aux conditions climatiques extrêmes.</t>
  </si>
  <si>
    <t>Alaska : Nouvelle vie - Territoires inexplorés</t>
  </si>
  <si>
    <t>Unknown And Uncharted</t>
  </si>
  <si>
    <t>Alors que l’hiver s’abat sur l’Arctique, les habitants qui ne sont pas raccordés au réseau électrique doivent œuvrer sans relâche pour accéder aux ressources vitales.</t>
  </si>
  <si>
    <t>N0026186</t>
  </si>
  <si>
    <t>Mécanos tout terrain : Coincé sur la rivière Yukon</t>
  </si>
  <si>
    <t>Big Fix Alaska</t>
  </si>
  <si>
    <t>Long Gone On The Yukon</t>
  </si>
  <si>
    <t>La boutique reçoit un appel de détresse d'un pilote bloqué sur la rivière Yukon. Mais trouver et réparer l'appareil s'avère être une entreprise périlleuse. Jim doit ensuite aller réparer une pelleteuse et un bulldozer dans le village reculé d'Ouzinkie.</t>
  </si>
  <si>
    <t>N0026187</t>
  </si>
  <si>
    <t>Mécanos tout terrain : Dos au mur</t>
  </si>
  <si>
    <t>Treading Water</t>
  </si>
  <si>
    <t>La boutique a du mal à payer les employés après la crise financière qui a touché l'activité de réparation de machines de Jim. Et pour ne rien arranger, une nouvelle mission les pousse encore plus loin dans les difficultés. C'est donc à Jim de les maintenir hors de l'eau... en supposant qu'il puisse faire face à la tempête.</t>
  </si>
  <si>
    <t>N0018414</t>
  </si>
  <si>
    <t>Destruction tout bénef ! : Retour à la fac</t>
  </si>
  <si>
    <t>Campus Cash Cow</t>
  </si>
  <si>
    <t>Brian et Lee s'apprêtent à démolir une ancienne résidence étudiante sur un campus local. Afin de préserver ses bonnes relations avec l'université, Lee fait une offre de 2000 dollars trop basse. La journée s'annonce difficile et seules les découvertes de Lee et Eric peuvent sauver l'affaire...</t>
  </si>
  <si>
    <t>28:20:00:00</t>
  </si>
  <si>
    <t>N0018413</t>
  </si>
  <si>
    <t>Destruction tout bénef ! : Au poste</t>
  </si>
  <si>
    <t>Cops, Robbers, &amp; Rewards</t>
  </si>
  <si>
    <t>Lee et Brian retournent sur un campus universitaire pour démolir cette fois un immeuble de deux étages dans une station de police. Le bâtiment paraît bien fermé et les deux associés ont bon espoir de trouver des objets intéressants à l'intérieur. Mais c'est sans compter sur l'intervention d'une nuée d'abeilles...</t>
  </si>
  <si>
    <t>29:05:00:00</t>
  </si>
  <si>
    <t>09/02/2021</t>
  </si>
  <si>
    <t>N0024420</t>
  </si>
  <si>
    <t>Nunchucks and Rollerblades</t>
  </si>
  <si>
    <t>Richard Hammond est de retour pour une nouvelle saison de Science of Stupid, la série qui combine science et vidéos spectaculaires des exploits ou des ratés des internautes. Découvrez toutes les manières possibles de se ridiculiser en montant sur des rollers, en utilisant un nunchuck ou en roulant sur des mini motos.</t>
  </si>
  <si>
    <t>N0000781</t>
  </si>
  <si>
    <t>I Didn't Know That 2, 3</t>
  </si>
  <si>
    <t>Richard et Jonny vont dans les coulisses de l'un des plus grands systèmes de métro du monde - le métro de Londres , et ils font une tête à tête entre le vélo et le train.</t>
  </si>
  <si>
    <t>N0000794</t>
  </si>
  <si>
    <t>I Didn't Know That 2, 4</t>
  </si>
  <si>
    <t>Visitez l'une des plus grandes centrales électriques de Grande-Bretagne et une tour avec le plus grand réseau vertical de panneaux solaires en Europe, voyez aussi combien de fois un morceau de papier mesurant 50 pieds par 50 pieds peut être plié.</t>
  </si>
  <si>
    <t>N0016140</t>
  </si>
  <si>
    <t>Air Crash : Essai tragique</t>
  </si>
  <si>
    <t>Pilot Vs Plane</t>
  </si>
  <si>
    <t>26 juin 1988. Air France, Vol 296. L'Airbus A-320 - l'avion à réaction le plus sophistiqué au monde entreprend son baptême de l'air et sa toute première démonstration publique. L'avion se dirige vers le salon d'aéronautique en Alsace où les pilotes planifient un défilé aérien basse altitude, à couper le souffle. Mais après avoir pris place sur le minuscule terrain d'aviation, l'exposition tourne au désastre. L'avion s'enfonce dans une forêt et s'enflamme. Plus qu'une tragédie, c'est un cauchemar anéantissant les relations publiques pour l'industrie aérospatiale de l'Europe. L'investissement sur cette ligne fut énorme et une grande pression sur les enquêteurs  doivent déterminer qui du pilote ou de l'avion, était en tort.</t>
  </si>
  <si>
    <t>P0828305</t>
  </si>
  <si>
    <t>Air Crash : Inclinaison fatale</t>
  </si>
  <si>
    <t>Deadly Inclination</t>
  </si>
  <si>
    <t xml:space="preserve">Alors qu’il s’approche de Zurich, sa destination, le vol 404 d’Alitalia fonce sur un versant boisé, entraînant la mort de tous ses passagers. L’analyse de la trajectoire radar du Douglas DC-9 révèle aux enquêteurs suisses que l’avion volait trop bas. Mais un examen plus approfondi des pièces à conviction ne fait qu’épaissir le mystère qui règne autour du crash… Un défaut caché au sein du système de navigation aurait-il conduit les deux pilotes sur un terrain mortel ?
</t>
  </si>
  <si>
    <t>N0015933</t>
  </si>
  <si>
    <t>A la casse : Démolition du pont de Piacenza</t>
  </si>
  <si>
    <t>Mega Breakdown</t>
  </si>
  <si>
    <t>The Italian Bridge</t>
  </si>
  <si>
    <t>00:55</t>
  </si>
  <si>
    <t>Plaisance et son pont se trouvent à 65 kilomètres au sud de Milan, en Italie. Depuis 1949, ce pont fait d'acier et de béton relie les villes de Plaisance et Lodi, en s'étendant sur la longueur étourdissante de 1 000 mètres au-dessus de la rivière du Po. En 2009, des crues importantes ont fait monté les eaux du Po de près de 6 mètres. Le 30 Avril 2009, le drame survient lorsque la partie Nord du pont s'effondre, entraînant avec elle 4 véhicules. Ce pont est devenu le nouveau défi d'une équipe de démolisseurs italiens. Grâce à un planification détaillée, des technologies de pointe, et la contrainte de recycler 90% de l'ancien pont, Despe Demolizioni Speciali a 90 jours pour le détruire et le remplacer par un nouveau. La tâche est ardue...Ils vont devoir se battre contre de fortes pluies et un temps hivernal. Le niveau d'eau de la rivière grimpe, inondant les zones de réparation des équipes. De plus, alors que la structure est instable, les équipes travaillent à plusieurs mètres de haut sur la structure. La moindre erreur peut tourner au désastre...</t>
  </si>
  <si>
    <t>N0018363</t>
  </si>
  <si>
    <t>Destruction tout bénef ! : Tous aux abris !</t>
  </si>
  <si>
    <t>The Cash Factory</t>
  </si>
  <si>
    <t>L'équipe Danley Demo se rend dans le New Hampshire afin de démolir un moulin. En arrivant sur place, l'équipe découvre que ce vieil immeuble était le lieu de rendez-vous des adolescents de la ville pour y faire la fête. Cela signifie que des objets de valeurs ont sans doute été tous emportés il y a longtemps.  De plus le moulin possède une très haute cheminée qui ne doit surtout pas s'écrouler sur les bâtiments voisins... ou Brian et Lee !</t>
  </si>
  <si>
    <t>N0018241</t>
  </si>
  <si>
    <t>Destruction tout bénef ! : Le cimetière-toilettes</t>
  </si>
  <si>
    <t>The Toilet Farm</t>
  </si>
  <si>
    <t>Brian et Lee remporte un appel d'offre pour une auberge abandonnée dans le New Hampshire. Pour faire des bénéfices, cette démolition devra leur rapporter quelques milliers de dollars. Hélas, la propriété semble contenir plus de sièges de toilettes que d'objets intéressants. Et alors que leur fouille touche à sa fin, Lee découvre des bidons d'huiles laissés dans la cave. Ceux-ci peuvent fortement ralentir leur travail...</t>
  </si>
  <si>
    <t>N0025496</t>
  </si>
  <si>
    <t>Top Cars : Porsche Panamera</t>
  </si>
  <si>
    <t>Porsche Panamera</t>
  </si>
  <si>
    <t>Dans cet épisode, les ingénieurs Ralph et Raven reçoivent d’Afzal Kahn la mission de transformer une Porsche Panamera banale en superbe voiture écologique hautes performances. L’objectif pour M. Kahn est de produire une voiture qui saura contenter l’appétit croissant des Chinois pour les voitures hautes performances mais qui  respectera des normes strictes en matière d’importation et d’émission de polluants liées à la taille du moteur. À la recherche de l’hybride idéal, les deux ingénieurs partent à la rencontre de l’équipe Porsche qui a gagné les 24 heures du Mans avec un moteur similaire au leur. Afin d’augmenter les performances du véhicule, ils vont également modifier le « cerveau électrique » de la voiture. De retour au Royaume-Uni, M. Kahn travaille sur un nouveau plan ingénieux de disposition des sièges et une nouvelle gamme de styles attrayants pour dirigeants perspicaces. Ralph et Ranen s’appliquent à parfaire l'aérodynamisme de la voiture pour garantir les meilleures performances possibles. Le nouveau modèle est présenté à une délégation de dirigeants commerciaux chinois dans le showroom de M. Kahn à Londres. La nouvelle voiture aura-t-elle suffisamment de succès pour remplir les carnets de commandes ?</t>
  </si>
  <si>
    <t>N0025495</t>
  </si>
  <si>
    <t>Top Cars : Rolls-Royce Silver Shadow</t>
  </si>
  <si>
    <t>Rolls Royce Silver Shadow</t>
  </si>
  <si>
    <t>Dans cet episode de " Top Cars ", Ralph Hosier et Ranen Rudra font face à une demande originale venant de la pop star Shane Lynch : il souhaite transformer sa Rolls Royce Silver Shadow de 1979 en une méchante machine de drift.
Pour cela, nos ingenieurs iront au Japon, pays où est née cette discipline et leur création sera testée pendant la compétition internationale de drift qui a lieu en Irelande.</t>
  </si>
  <si>
    <t>N0023385</t>
  </si>
  <si>
    <t>Inside : L'univers des drogues</t>
  </si>
  <si>
    <t>Drugs Inc.</t>
  </si>
  <si>
    <t>Cokeland</t>
  </si>
  <si>
    <t>À Oakland, en Californie, un scandale de corruption et un déficit budgétaire de 58 millions de dollars ont mis à mal les forces de l'ordre qui ont perdu près de  la moitié de leurs effectifs. Le weekend, les courses de voitures illégales terrorisent les rues de la ville car ces évènements tournent souvent au drame et finissent en bagarres ou en fusillades. Oakland est devenue la troisième ville la plus dangereuse des États-Unis. Les vols violents et les meurtres y sont légion. Avec des millions de dollars brassés chaque année, le marché de la drogue a pris une ampleur sans précédent et les forces de police réduites comme peau de chagrin ont bien du mal à faire face à des dealers ultra violents. Découvrez une équipe de policiers d'élite qui travaillent sous couverture pour le shérif du comté d'Alameda.</t>
  </si>
  <si>
    <t>N0023501</t>
  </si>
  <si>
    <t>The High Wire</t>
  </si>
  <si>
    <t xml:space="preserve">Ancienne ville prospère avec ses aciéries, Baltimore connaît aujourd'hui un fort déclin. Parmi les habitants qui sont restés, nombreux sont ceux qui ont trouvé dans l'héroïne une manière d'échapper à la pauvreté et à la morosité du quotidien. Avec plus de 60 000 personnes accros, Baltimore est confrontée à l'un des plus importants problèmes d'addiction à l'héroïne dans le monde et les autorités ne savent plus comment faire face. Sur Pennsylvania Avenue, à l'ouest de la ville, les ventes d'héroïne s'élèvent à plus de 10 millions de dollars par an. Et ce nouveau marché florissant de la drogue s'étend maintenant à la banlieue pour satisfaire la demande grandissante. </t>
  </si>
  <si>
    <t>N0023502</t>
  </si>
  <si>
    <t>Pcp In Dc</t>
  </si>
  <si>
    <t xml:space="preserve">A une époque, Washington était la ville du crack. Mais depuis les évènements du 11 septembre, la présence policière s'est accrue et le business de la drogue a considérablement diminué. La drogue qui circule aujourd'hui dans la rue est de très mauvaise qualité. Dans les quartiers afro-américains du sud-est, certains ont décidé de se passer des intermédiaires qui importent la drogue de Californie pour fabriquer leur propre PCP. Cet anesthésiant et hallucinogène fait des ravages chez les consommateurs et les équipes des urgences du United Medical Center traitent jusqu'à 80 patients sous PCP chaque mois. Certains doivent même être attachés à leur lit. Suivez le quotidien des forces de police qui doivent faire face à des situations parfois proche de l'horreur. </t>
  </si>
  <si>
    <t>N0023504</t>
  </si>
  <si>
    <t>Inside : L'univers des drogues - La folie Molly</t>
  </si>
  <si>
    <t>Molly Madness</t>
  </si>
  <si>
    <t xml:space="preserve">Pour beaucoup, la vie nocturne à Atlanta rime avec drogues. La plus en vue du moment c'est la "molly". Des raves partys aux concerts de hip hop en passant par les dealers armés d'AK47, Molly est partout et fait des ravages au sein de la nouvelle génération. </t>
  </si>
  <si>
    <t>N0023503</t>
  </si>
  <si>
    <t>Inside : L'univers des drogues - Dope-Landia</t>
  </si>
  <si>
    <t>Dope-Landia</t>
  </si>
  <si>
    <t>Portland est devenue au fil des ans la Mecque des jeunes sans abris américains. Des centaines de personnes ont élu domicile dans ses rues, attirées par la générosité des services sociaux. Mais ces jeunes sont devenus des proies faciles pour les dealers impitoyables qui règnent sur la ville. Des rabatteurs vont jusqu'à distribuer des sachets de drogue gratuits pour fidéliser la clientèle. Depuis 2005, les cartels mexicains possèdent le monopole du marché de la drogue à Portland et ont envahi les rues d'une héroïne puissante et bon marché. Un véritable empire de la drogue est né, entraînant sur son passage des conséquences désastreuses sur toute une génération de jeunes devenus accros.</t>
  </si>
  <si>
    <t>N0028124</t>
  </si>
  <si>
    <t>La route de l'enfer : Norvège – Accident militaire</t>
  </si>
  <si>
    <t>Military Mayhem</t>
  </si>
  <si>
    <t>Bjørn se retrouve mêlé à une poursuite à grande vitesse et à une enquête pour vol de voiture. Des « Bonnie et Clyde » des montagnes ont volé trois voitures et sont en fuite. Thord fait face à des pluies diluviennes à Odda, et les accidents s'enchaînent. Le camion de sauvetage de Thord et Olav devient dangereux lorsqu'un réservoir diesel menace de se fendre. Enfin, Jo Roger vient en aide à un énorme engin militaire qui est immobilisé.</t>
  </si>
  <si>
    <t>P0830173</t>
  </si>
  <si>
    <t>La route de l'enfer : Norvège - Vie de famille</t>
  </si>
  <si>
    <t>In the Family</t>
  </si>
  <si>
    <t>Un conducteur de dépanneuse doit pouvoir répondre à l’appel 24h/24. Pour avoir une vie de famille, l’unique solution est de faire de son lieu de travail une seconde maison pouvant accueillir famille et amis.</t>
  </si>
  <si>
    <t>Ultimate Airport Pérou et Brésil : Saisie de bagages</t>
  </si>
  <si>
    <t>Airport Security: Peru and Brazil</t>
  </si>
  <si>
    <t>Busted Baggage</t>
  </si>
  <si>
    <t>À l’aéroport international Jorge Chavez de Lima, au Pérou, les forces de sécurité œuvrent sans relâche pour identifier les trafiquants. Un homme dissimule de la cocaïne dans la structure de sa valise et fond en larmes lorsqu’il annonce à sa mère son arrestation. Alors qu’un voyageur en partance pour l’Espagne transporte des stupéfiants au sein d’emballages alimentaires, un couple souhaite se rendre au Mexique avec un animal de compagnie peu commun. Enfin, une passagère à destination du Mexique craint que le cadeau qu’elle a reçu ne cache en réalité de la contrebande.</t>
  </si>
  <si>
    <t>N0018613</t>
  </si>
  <si>
    <t>Aéroport JFK : Pris en flag ! : La pression monte</t>
  </si>
  <si>
    <t>Search &amp; Seize</t>
  </si>
  <si>
    <t>Les agents du US Customs and Border Protection (CBP) et du US Immigration and Customs Enforcement (ICE) luttent contre les criminels qui tentent de faire passer des marchandises illégales y compris de la drogue aux États-Unis. Travaillant à l'aéroport international JFK, une des plus grandes plaques tournantes de voyageurs entre l'Amérique et l'étranger, ils scannent  l'énorme masse de personnes transitant et repèrent les comportements suspects. Quand ils découvrent des colis douteux, ces agents doivent démêler les mensonges pour trouver la vérité. La sécurité des équipes et la sécurité de la nation est leur seul objectif. Pourtant, ces officiers estiment faire un métier ordinaire...</t>
  </si>
  <si>
    <t>Face au crime : Le proxénétisme</t>
  </si>
  <si>
    <t>Pimps</t>
  </si>
  <si>
    <t>Dans cet épisode, Mariana van Zeller embarque aux côtés de proxénètes, de victimes, de policiers sous couverture et de détectives privés afin de mieux saisir l’enfer de l’exploitation sexuelle illégale qui sévit sur le continent américain.</t>
  </si>
  <si>
    <t>Face au crime : Le trafic d’armes</t>
  </si>
  <si>
    <t>Guns</t>
  </si>
  <si>
    <t>Des armes à feu américaines passent entre les mains de cartels de la drogue, déclenchant une vague de violences armées sans précédent dans tout le Mexique. Lorsque le fils du baron de la drogue le plus tristement célèbre au monde, El Chapo Guzman, se fait arrêter, le cartel infiltré par Mariana riposte avec agressivité.</t>
  </si>
  <si>
    <t>P0761383</t>
  </si>
  <si>
    <t>Black market: rois et reines</t>
  </si>
  <si>
    <t>Underworld Inc: Kings &amp; Queens</t>
  </si>
  <si>
    <t>Underworld Inc: Kings &amp; Queens, 1</t>
  </si>
  <si>
    <t xml:space="preserve">Les vrais hors-la-loi contrôlent l'économie souterraine. Du trafic d'êtres humains aux faux médicaments, ce monde sombre et glauque possède des opérateurs à tous les niveaux. Chacun d'entre eux a pour objectif d'occuper la place la plus importante de sa catégorie. Ces rois et reines de l'ombre tirent profit des trafics illégaux aux quatre coins du monde : des armes « invisibles » sont vendues à des individus qui souhaitent contourner la loi, des cartels font passer la frontière à des hommes pour de l'argent, des trafiquants d'organes profitent d'Indiens désespérés pour faire du profit, des pseudo scientifiques fabriquent des médicaments dans leur cuisine, des maîtres de la contrefaçon produisent des objets qui rivalisent avec leurs homonymes, le blanchiment d'argent est monnaie courante au Mexique, et les fêtards new-yorkais trouvent du réconfort dans l'alcool de contrebande. 
</t>
  </si>
  <si>
    <t>N0025772</t>
  </si>
  <si>
    <t>Black Market : Ruses et combines</t>
  </si>
  <si>
    <t>Underworld Inc: Tricks Of The Trade</t>
  </si>
  <si>
    <t>Underworld Inc: Tricks Of The Trade, 1</t>
  </si>
  <si>
    <t>Découvrez le marché noir de l'intérieur grâce à une plongée sans précèdent dans l'univers des trafiquants. Des ateliers d'armes philippins aux bordels de New York, cette série plonge au coeur du commerce illégal. Suivez le parcours d'impitoyables trafiquants, des officiers de police qui les traquent mais aussi des victimes de ces trafics.</t>
  </si>
  <si>
    <t>10/02/2021</t>
  </si>
  <si>
    <t>N0024421</t>
  </si>
  <si>
    <t>Chest Bumps and Karate Kicks</t>
  </si>
  <si>
    <t>Richard Hammond est de retour pour une nouvelle saison de Science of Stupid, la série qui combine science et vidéos de cascades ratées des internautes. Découvrez toutes les manières possibles de se ridiculiser en montant sur des rollers, en utilisant un nunchuck ou en roulant sur des mini motos.</t>
  </si>
  <si>
    <t>N0000782</t>
  </si>
  <si>
    <t>I Didn't Know That 2, 5</t>
  </si>
  <si>
    <t>Comment une lettre arrive à votre maison ? Témoignez comment plus de 156.000 employés de "The Royal Mail" traitent 35 millions de lettres avec des adresses incorrectes chaque année au Royaume-Uni .</t>
  </si>
  <si>
    <t>N0000983</t>
  </si>
  <si>
    <t>I Didn't Know That 2, 6</t>
  </si>
  <si>
    <t>Les scientifiques Richard et Jonny enquêtent sur ce qui est plus fort - le bois ou l'acier? En plus, les jeux informatiques peuvent enseigner Richard comment piloter un hélicoptère réel ?</t>
  </si>
  <si>
    <t>N0016139</t>
  </si>
  <si>
    <t>Air Crash : Sauvés de justesse</t>
  </si>
  <si>
    <t>Cleared For Disaster</t>
  </si>
  <si>
    <t>1er février 1991. C'est une soirée chargée pour l'aéroport international de Los Angeles, tandis que le vol US Air 1493 fait son approche. Le pilote prépare le 737 à l'atterrissage malgré de nombreux appels sans réponse de la tour de contrôle. Ils obtiennent à la dernière minute le feu vert pour se poser, mais à quelques mètres à peine du sol, l'avion prend soudainement feu et part s'écraser dans un immeuble abandonné. Les secours se précipitent sur place, et tandis que les rescapés émergent des flammes, les pompiers font une horrible découverte...Les enquêteurs parviendront-ils à déterminer les causes de ce drame ?</t>
  </si>
  <si>
    <t>P0828304</t>
  </si>
  <si>
    <t>Air Crash : Virage mortel</t>
  </si>
  <si>
    <t>Deadly Go Round</t>
  </si>
  <si>
    <t>À seulement quelques minutes de l’atterrissage, le vol 140 de la compagnie China Airlines s’écrase à l’aéroport de Nagoya, au Japon. Le lendemain matin, les enquêteurs s’affairent déjà à passer au crible les débris carbonisés sur la piste, mais ce qu’ils découvrent ne fait qu’épaissir le mystère. Alors que de prime abord, les pilotes semblaient être à l’origine de la catastrophe, les causes se révèlent bien plus complexes à l’issue de deux ans d’enquête approfondie.</t>
  </si>
  <si>
    <t>N0015936</t>
  </si>
  <si>
    <t>A la casse : Voitures de sport</t>
  </si>
  <si>
    <t>Speed</t>
  </si>
  <si>
    <t>Los Angeles, en Californie, est le lieu de prédilection des gens riches et célèbres...et de leurs voitures de sport. Le luxe est maître ici, et certains disent qu'il n'y a rien de mieux qu'une Porsche pour frimer. Et lorsque ces voitures de sport se cassent et brûlent dans des accidents, leurs épaves arrivent au " Los Angeles Dismantler " : le royaume des pièces détachées. Là-bas, une équipe d'experts désassemble totalement les voitures et récupèrent les pièces en bon état, y compris les moteurs, la transmission et les sièges...tout ce qui n'a pas été abîmé pendant l'accident. Dans cet épisode, ils doivent s'occuper de trois modèles de Porsche : une Boxster 2002, une 911 de première génération et une 997 Carrera. Chaque voiture comporte des pièces que des clients ont déjà commandées, ces nouvelles carcasses doivent donc être désossées au plus vite.</t>
  </si>
  <si>
    <t>N0018415</t>
  </si>
  <si>
    <t>Destruction tout bénef ! : La maison hantée</t>
  </si>
  <si>
    <t>Haunted House Treasures</t>
  </si>
  <si>
    <t xml:space="preserve">Brian et Lee se préparent à démolir une vieille maison abandonnée dans laquelle Brian est certain de trouver de nombreux trésors. Mais dès qu'ils mettent les pieds dans la propriété, Brian et son collègue Eric ont un drôle de pressentiment. Ils trouvent quelques objets intéressants mais un incident au sous-sol va réussir à les effrayer... </t>
  </si>
  <si>
    <t>N0018364</t>
  </si>
  <si>
    <t>Destruction tout bénef ! : La "Muscle Car"</t>
  </si>
  <si>
    <t>Muscle Car Mansion</t>
  </si>
  <si>
    <t>Danley Demo accepte une proposition de travail de la part de Dan, un vieil ami de Lee. Malgré la promesse de récupérer de beaux objets, il semble que tout ait déjà été évacué. Alors que la cause parait perdue, l'équipe trouve une vieille voiture de collection...</t>
  </si>
  <si>
    <t>N0025497</t>
  </si>
  <si>
    <t>Top Cars : Bentley Mulsanne</t>
  </si>
  <si>
    <t>Bentley Mulsanne</t>
  </si>
  <si>
    <t>N0025494</t>
  </si>
  <si>
    <t>Top Cars : Range Rover Evoque</t>
  </si>
  <si>
    <t>Range Rover Evoque</t>
  </si>
  <si>
    <t>Afzal Kahn, designer et magnat de l'industrie automobile a une idée pour un prototype basé sur une voiture qu'il connaît très bien, la Range Rover Evoque. Son plan : transformer ce crossover urbain pour en faire le nec plus ultra des véhicules tout terrain, inspiré des 4x4 du Paris-Dakar. Pour ce faire, ses ingénieurs experts vont devoir tester le véhicule dans l'un des environnements les plus extrêmes qu'on puisse imaginer, fabriquer un kit de suspension unique pour améliorer sa garde au sol, installer de puissants éclairages sur le toit et faire subir à l'Evoque un programme intensif inspiré du Paris-Dakar.  Mr Kahn ne décidera de le proposer à ses clients les plus aventureux que si le prototype est capable d'affronter les dunes de sable du Sahara.</t>
  </si>
  <si>
    <t>P0867621</t>
  </si>
  <si>
    <t>Air Crash : Approche finale</t>
  </si>
  <si>
    <t>Runway In Sight</t>
  </si>
  <si>
    <t>Lorsque les pilotes sont pris de court à l’approche de la piste, l’atterrissage peut très vite virer au cauchemar. Lors de son approche finale, un avion civil indonésien s’écrase à une vitesse extrêmement élevée. Quelques secondes avant son atterrissage à Dallas, l’équipage d’un vol de la compagnie aérienne Delta Air Lines se retrouve pris au cœur d’une tempête meurtrière. À San Francisco, un Boeing 777 atterrit avant la piste.</t>
  </si>
  <si>
    <t>P0867617</t>
  </si>
  <si>
    <t>Air Crash : Cargaison dangereuse</t>
  </si>
  <si>
    <t>Perilous Payload</t>
  </si>
  <si>
    <t>Trois avions totalement déséquilibrés contraignent les enquêteurs à remettre en question les moindres de leurs calculs. Bien que ce problème puisse être évité, les catastrophes se succèdent et confirment l’exigence de système de secours dignes de ce nom. Avec près de 40 tonnes de denim à son bord, un avion-cargo s’écrase peu après son décollage de Miami. En Caroline du Nord, une navette aérienne bondée fonce sur un hangar et met au jour une négligence industrielle grave. Suite à l’atterrissage à plat d’un avion gros-porteur transportant des véhicules militaires blindés en Afghanistan, le National Transportation Safety Board est chargé de l’enquête.</t>
  </si>
  <si>
    <t>N0028125</t>
  </si>
  <si>
    <t>La route de l'enfer : Norvège – Sur le fil du rasoir</t>
  </si>
  <si>
    <t>Edge of Disaster</t>
  </si>
  <si>
    <t xml:space="preserve">Le début des vacances signifie que les routes sont très fréquentées. Les accidents (et le travail) ne cessent de s'accumuler... Et ce sont les plus terrifiants de la saison. Un simple sauvetage se transforme rapidement en une mission extrêmement compliquée, qui engendre d'énormes embouteillages. Quant à Thord, il devra faire face à une convalescence susceptible de mettre sa vie en jeu. </t>
  </si>
  <si>
    <t>P0830174</t>
  </si>
  <si>
    <t>La route de l'enfer : Norvège - Dans les profondeurs</t>
  </si>
  <si>
    <t>River Deep</t>
  </si>
  <si>
    <t xml:space="preserve">Tout au nord de la Norvège, une brigade de secouristes routiers se bat quotidiennement pour que les routes soient sûres et demeurent en service tout au long de l’hiver. Limiter les dégâts est essentiel : s’ils détruisent quoi que ce soit lors d’un sauvetage, ils devront en payer les conséquences. 
</t>
  </si>
  <si>
    <t>Ultimate Airport Pérou et Brésil : Bain de cocaïne</t>
  </si>
  <si>
    <t>Soaked In Cocaine</t>
  </si>
  <si>
    <t>À l’aéroport international Jorge Chavez de Lima, au Pérou, les agents de la brigade des stupéfiants œuvrent sans relâche afin d’empêcher toute substance illicite de sortir du territoire. Des policiers se lancent dans une course-poursuite pour localiser un suspect retrouvé dans un endroit inattendu. Un trafiquant arrogant transporte le double de la charge autorisée et un jeune homme se révèle avoir avalé et scotché de la drogue sur son corps. Un cas d’addiction au café ainsi que de la cocaïne dissimulée sous un manteau et dans des pièces mécaniques seront également au programme.</t>
  </si>
  <si>
    <t>N0018175</t>
  </si>
  <si>
    <t>Aéroport JFK : Pris en flag ! : Cocaïne en poche</t>
  </si>
  <si>
    <t>Coke In The Coat</t>
  </si>
  <si>
    <t xml:space="preserve">Chaque année, des vols venant du monde entier atterrissent à l'aéroport international JFK, transportant environ quarante-six millions de passagers. Les douanes américaines ainsi que les agents  spéciaux de sécurité nationale sont sur le qui-vive : intercepter une famille avec de l'héroïne dans ses bagages ou bien déterminer ce qui déclenche les alarmes de radiation, ces officiers sont prêts à relever tous les défis !  </t>
  </si>
  <si>
    <t>P0948753</t>
  </si>
  <si>
    <t>Alerte ouragans : Les tempêtes du golfe du Mexique</t>
  </si>
  <si>
    <t>A Gathering Storm</t>
  </si>
  <si>
    <t>Gulf Storms</t>
  </si>
  <si>
    <t>Si les eaux chaudes et peu profondes du golfe du Mexique concentrent une activité industrielle et commerciale florissante, elles alimentent également la naissance d’ouragans. Bien que le littoral du golfe ait été dévasté par le passé, les économies côtière et maritime ont toujours su se relever. La zone compte ainsi plus d’habitants, de navires, de pêcheurs et de plateformes pétrolières que jamais. Trois violentes tempêtes s’apprêtent à s’abattre sur la région au cours de la saison. Quelles en seront les conséquences ?</t>
  </si>
  <si>
    <t>Alerte ouragans : Le tueur des eaux froides</t>
  </si>
  <si>
    <t>Cold Ocean Killer</t>
  </si>
  <si>
    <t>À bord des navires du nord-est des États-Unis, National Geographic lève les voiles pour une saison de pêche meurtrière dans l’Atlantique. Bravant les flots tempétueux et les vents du nord-est, la flotte de pêche au homard et à la coquille Saint-Jacques manque d’être engloutie par des vagues gigantesques. Si certains récoltent les fruits de leurs prises de risques, d’autres bateaux ne rentreront pas à bon port.</t>
  </si>
  <si>
    <t>Alerte ouragans : L’allée des typhons</t>
  </si>
  <si>
    <t>Typhoon Alley</t>
  </si>
  <si>
    <t>En plein cœur de « l’allée des typhons », l’île américaine de Guam voit naître les tempêtes les plus violentes du Pacifique. Tandis que le typhon Kammuri se développe à toute vitesse et menace dangereusement la base navale américaine et le port de marchandises de l’île, Guam se retrouve à nouveau en première ligne. En l’espace de quelques jours, le cyclone tropical gagne en puissance et frappe les Philippines, devenant ainsi le typhon le plus destructeur de l’année.</t>
  </si>
  <si>
    <t>P0879690</t>
  </si>
  <si>
    <t>Au cœur du désastre : Feu de l’enfer au Portugal</t>
  </si>
  <si>
    <t>Witness To Disaster</t>
  </si>
  <si>
    <t>Portugal Hellfire</t>
  </si>
  <si>
    <t>Dans cet épisode, nous reviendrons sur le plus vaste feu de forêt de l’histoire du Portugal et sur ses conséquences dévastatrices sur une communauté rurale. Alors que les pompiers tentaient inlassablement de le maîtriser, des rafales de vent ont participé à sa propagation, le rendant incontrôlable. Des habitants en fuite se sont retrouvés pris au piège dans les flammes, pour un bilan de 205 blessés et de 66 morts. À travers une enquête minutieuse, nous retracerons le cours des événements ainsi que les décisions qui, en une fraction de seconde, ont permis de sauver des vies.</t>
  </si>
  <si>
    <t>P0948700</t>
  </si>
  <si>
    <t>Alerte ouragans : L’ouragan Dorian</t>
  </si>
  <si>
    <t>Hurricane Dorian</t>
  </si>
  <si>
    <t>Alors qu’un cyclone tropical se forme en plein cœur de l’Atlantique, les Caraïbes et la côte est des États-Unis sont en état d’alerte. Elles se préparent à l’impact de la tempête du siècle : l’ouragan Dorian de catégorie 5. Nos 1 000 caméras ont suivi le parcours et documenté les ravages causés par l’un des ouragans les plus violents de l’Atlantique.</t>
  </si>
  <si>
    <t>P0948752</t>
  </si>
  <si>
    <t>Alerte ouragans : La terreur du typhon Hagibis</t>
  </si>
  <si>
    <t>Super Typhoon Terror</t>
  </si>
  <si>
    <t>Dans le Pacifique, un violent typhon ravage la mer de Béring, la zone de pêche la plus meurtrière au monde. Alors qu’il se dirige vers le Japon, le typhon Hagibis redouble d’intensité à une vitesse spectaculaire. Pendant que le pays se prépare à son impact dévastateur, les marins sont sur le qui-vive dans les eaux périlleuses du Pacifique Nord. Des images prises à bord de bateaux de marchandises, de pêche et de navires militaires retracent leur bataille contre la monstrueuse tempête.</t>
  </si>
  <si>
    <t>P0948751</t>
  </si>
  <si>
    <t>Alerte ouragans : L’ouragan Humberto</t>
  </si>
  <si>
    <t>Hurricane Humberto</t>
  </si>
  <si>
    <t>Les eaux chaudes de l’Atlantique et des Caraïbes font planer la menace d’un ouragan dévastateur… Un cyclone tropical se forme à proximité des Bahamas et se dirige tout droit vers la Floride et le golfe du Mexique. Au fil de son développement, il modifie sa trajectoire et place la côte est des États-Unis en état d’alerte, avant d’atteindre les Bermudes en catégorie 3. Découvrez les images saisissantes prises par nos quelque 1 000 caméras.</t>
  </si>
  <si>
    <t>P0879691</t>
  </si>
  <si>
    <t>Au cœur du désastre : Avalanche sur l’Everest</t>
  </si>
  <si>
    <t>Everest Avalanche</t>
  </si>
  <si>
    <t>Un violent séisme d’une magnitude de 6,7 sur l’échelle de Richter secoue le Népal, faisant des milliers de morts. D’un bout à l’autre du pays, de terribles avalanches s’abattent sur les survivants et détruisent tout sur leur passage. De la vallée de Katmandou au mont Everest, nous vous révélerons d’incroyables histoires de survie. À travers le récit de témoins et les images de la tragédie, nous reviendrons sur le cours des événements ainsi que sur ces décisions qui, en une fraction de seconde, ont permis de sauver des vies.</t>
  </si>
  <si>
    <t>11/02/2021</t>
  </si>
  <si>
    <t>N0024422</t>
  </si>
  <si>
    <t>Beer Pong and Wall Vaults</t>
  </si>
  <si>
    <t>N0000783</t>
  </si>
  <si>
    <t>I Didn't Know That 2, 7</t>
  </si>
  <si>
    <t>Jonny tente de battre le record britannique de manger 136 haricots en moins de trois minutes et des images en gros plan révèlent le monde microscopique des punaises de lit .</t>
  </si>
  <si>
    <t>N0000243</t>
  </si>
  <si>
    <t>I Didn't Know That 2, 8</t>
  </si>
  <si>
    <t>Richard et Jonny se plongent dans le monde secret des cascadeurs et découvrent comment les jambes prothétiques sont faites . En plus, est-il possible de battre les casinos aux cartes ou à la roulette ? Richard apprend les ficelles du métier .</t>
  </si>
  <si>
    <t>N0016142</t>
  </si>
  <si>
    <t>Air Crash : Tensions au-dessus de la Russie</t>
  </si>
  <si>
    <t>Target Is Destroyed</t>
  </si>
  <si>
    <t>Le 1er septembre 1981, le vol Korean Airlines 007 survole la mer du Japon avec 269 passagers à son bord. Dans l'espoir d'économiser le carburant de ce vol non stop entre New York et Séoul, les pilotes demandent la permission de monter en altitude. Cependant, alors qu'ils prennent de la hauteur, l'appareil subit une soudaine décompression de la cabine, qui fait perdre le contrôle aux pilotes. Le vol 007 se crashe en pleine mer. Une véritable polémique internationale s'engage à la suite du drame, qui pousse les autorités soviétiques à admettre avoir abattu l'avion. Une véritable pression repose alors sur les enquêteurs chargés de l'enquête : selon leurs conclusions, la guerre froide peut éclater en combat ouvert.</t>
  </si>
  <si>
    <t>P0828303</t>
  </si>
  <si>
    <t>Air Crash : Les dangers de l’hiver</t>
  </si>
  <si>
    <t>Dead of Winter</t>
  </si>
  <si>
    <t>À destination de Boise, dans l’État américain de l’Idaho, le vol 1713 de Continental Airlines est retenu sur le tarmac de Denver, où les contrôleurs aériens peinent à respecter les heures de départ en raison des chutes de neige. Le Douglas DC-9 reçoit enfin l’autorisation de décoller. Alors qu’il quitte à peine le sol, il effectue un virage brusque et s’écrase. Les enquêteurs ne trouvent rien de suspicieux sur l’appareil mais ce qu’ils finiront par découvrir changera à jamais la sécurité des vols commerciaux.</t>
  </si>
  <si>
    <t>N0015932</t>
  </si>
  <si>
    <t>A la casse : Démolition d'une prison</t>
  </si>
  <si>
    <t>Prison</t>
  </si>
  <si>
    <t xml:space="preserve">"A la casse" s'attaque à l'un des plus grands projets jamais pensé : un immeuble conçu pour être virtuellement impénétrable ... la Prison d'Etat de Riverfront, à Camden dans le New Jersey. De véritables cellules, une bibliothèque, une chapelle, quatre tours de garde et  un feuillard, tout est voué à disparaitre. Cette propriété de plus de six hectares, située en bord de rivière, se trouve un terrain de valeur. La prison est condamnée à mort, pour faire place à une nouvelle construction. Mais les obstacles se multiplient à chaque carrefour, de la présence d'amiante aux tempêtes de neige hivernales.Comme si le défi n'était déjà pas assez grand, l'équipe de démolition va tout faire pour recycler le plus de matériaux possible. Ils doivent agir avec précaution pour que le cuivre et l'acier puissent être réemployés dans de nouveaux produits.  </t>
  </si>
  <si>
    <t>N0018365</t>
  </si>
  <si>
    <t>Destruction tout bénef ! : La cheminée</t>
  </si>
  <si>
    <t>Home Run House</t>
  </si>
  <si>
    <t>Brian, Lee et toute l'équipe s'apprêtent à débuter une tâche difficile. Ils doivent démolir une maison tout en préservant sa cheminée construite sur trois étages ainsi que ses fondations. Ils y trouvent des objets de sport de collection et l'avis de Phil, un expert, va déterminer si cette démolition délicate valait le coup...</t>
  </si>
  <si>
    <t>N0018412</t>
  </si>
  <si>
    <t>Destruction tout bénef ! : Le mystère de la ferme</t>
  </si>
  <si>
    <t>Farm House Fortune</t>
  </si>
  <si>
    <t>Lee et Brian doivent démolir une vieille ferme. Le bâtiment est une véritable machine à voyager dans le temps qui n'attend qu'à révéler ses trésors. Mais la démolition s'annonce délicate et si les objets récupérés ne rapportent pas assez d'argent, l'équipe aura fait une grosse erreur en acceptant le marché. La solution se trouverait-elle dans ce mystérieux coffre-fort que personne ne parvient à ouvrir ?</t>
  </si>
  <si>
    <t>N0025500</t>
  </si>
  <si>
    <t>Top Cars : Chevrolet Camaro</t>
  </si>
  <si>
    <t>Chevrolet Camaro</t>
  </si>
  <si>
    <t>N0025498</t>
  </si>
  <si>
    <t>Top Cars : Mercedes-Benz Classe G</t>
  </si>
  <si>
    <t>Mercedes G-Wagen</t>
  </si>
  <si>
    <t>P0827827</t>
  </si>
  <si>
    <t>Science of stupid : Episode 9</t>
  </si>
  <si>
    <t>Science of Stupid 6, 9</t>
  </si>
  <si>
    <t>Dans cet épisode, nous vous révèlerons les secrets du salto avant en BMX, les dangers de la glace ainsi que les impairs à ne pas commettre lorsque l’on marche sur une bûche.</t>
  </si>
  <si>
    <t>13:35:00:00</t>
  </si>
  <si>
    <t>P0827826</t>
  </si>
  <si>
    <t>Science of stupid : Episode 10</t>
  </si>
  <si>
    <t>Science of Stupid 6, 10</t>
  </si>
  <si>
    <t>Dans cet épisode, vous découvrirez qu’il existe de nombreuses façons de se ridiculiser et de se blesser, que ce soit en se penchant simplement sur une clôture, en jouant avec un canot pneumatique ou en faisant atterrir un deltaplane.</t>
  </si>
  <si>
    <t>P0827818</t>
  </si>
  <si>
    <t>Science of stupid : Episode 11</t>
  </si>
  <si>
    <t>Science of Stupid 6, 11</t>
  </si>
  <si>
    <t xml:space="preserve">Dans cet épisode, nous vous révèlerons les secrets des prises de ninja, le meilleur moyen de s’élancer sur une rive et les impairs à ne pas commettre lorsque l’on fait du parachute ascensionnel derrière un bateau. </t>
  </si>
  <si>
    <t>14:25:00:00</t>
  </si>
  <si>
    <t>P0827817</t>
  </si>
  <si>
    <t>Science of stupid : Episode 12</t>
  </si>
  <si>
    <t>Science of Stupid 6, 12</t>
  </si>
  <si>
    <t>Dans cet épisode, vous découvrirez les explications scientifiques qui se cachent derrière le parkour, les risques encourus lorsque l’on se déplace sur un bateau ou lorsque l’on saute d’un rebord à vélo.</t>
  </si>
  <si>
    <t>P0827814</t>
  </si>
  <si>
    <t>Science of stupid : Episode 13</t>
  </si>
  <si>
    <t>Science of Stupid 6, 13</t>
  </si>
  <si>
    <t>Suite à cet épisode, les icebergs n’auront plus de secret pour vous. Découvrez les innombrables dangers que vous encourez lorsque vous sautez d’une jetée ou que vous faites de la balançoire à bascule.</t>
  </si>
  <si>
    <t>15:15:00:00</t>
  </si>
  <si>
    <t>P0827813</t>
  </si>
  <si>
    <t>Science of stupid : Episode 14</t>
  </si>
  <si>
    <t>Science of Stupid 6, 14</t>
  </si>
  <si>
    <t>Dans cet épisode consacré à l’ingénierie, nous vous expliquerons comment fonctionnent les démolitions à l’explosif et les barrages ainsi que les raisons d’être vigilant lors de l’utilisation d’une échelle.</t>
  </si>
  <si>
    <t>P0827808</t>
  </si>
  <si>
    <t>Science of stupid : Episode 15</t>
  </si>
  <si>
    <t>Science of Stupid 6, 15</t>
  </si>
  <si>
    <t>Grâce à cet épisode, le halfpipe, les bombes festives ou encore la lutte n’auront plus de secrets (du moins scientifiques) pour vous !</t>
  </si>
  <si>
    <t>16:05:00:00</t>
  </si>
  <si>
    <t>P0827805</t>
  </si>
  <si>
    <t>Science of stupid : Episode 16</t>
  </si>
  <si>
    <t>Science of Stupid 6, 16</t>
  </si>
  <si>
    <t>Dans cet épisode, nous vous révèlerons les explications scientifiques relatives à la formation des ouragans, comment skier sur des rails et comment pratiquer la course à reculons sans risquer de se faire mal.</t>
  </si>
  <si>
    <t>P0827802</t>
  </si>
  <si>
    <t>Science of stupid : Episode 17</t>
  </si>
  <si>
    <t>Science of Stupid 6, 17</t>
  </si>
  <si>
    <t>À la fin de cet épisode, la tension superficielle n’aura plus de secret pour vous. Mais ce n’est pas tout : vous découvrirez également comment attraper un drone, voire un bâton sauteur avec ses pieds, et comment sauter dans une rivière à vélo.</t>
  </si>
  <si>
    <t>16:55:00:00</t>
  </si>
  <si>
    <t>P0827796</t>
  </si>
  <si>
    <t>Science of stupid : Episode 18</t>
  </si>
  <si>
    <t>Science of Stupid 6, 18</t>
  </si>
  <si>
    <t>Grâce à cet épisode spécial ingénierie, le fonctionnement des moteurs à combustion, de la voilure d’un avion, des pompes et des tronçonneuses n’aura plus de secret pour vous !</t>
  </si>
  <si>
    <t>N0028118</t>
  </si>
  <si>
    <t>Danger On Death Hill</t>
  </si>
  <si>
    <t xml:space="preserve">À cause du rude hiver qui s'annonce, Thord doit acheter un nouveau camion de sauvetage, mais un tel investissement n'est jamais simple. Bjørn est appelé pour venir en aide à un chauffeur étranger inexpérimenté qui bloque la route principale du pont d'une montagne, ce qui déplaît fortement aux locaux. Dans le nord, Kristoffer et Erik font face aux conditions météorologiques difficiles et à du verglas en portant secours à une remorque bloquée à l'heure de pointe. </t>
  </si>
  <si>
    <t>P0830175</t>
  </si>
  <si>
    <t>La route de l'enfer : Norvège - Un engin massif</t>
  </si>
  <si>
    <t>Mean Machine</t>
  </si>
  <si>
    <t>Dans le sud de la Norvège, une pelleteuse de 30 tonnes s’est renversée dans un profond fossé. La mission qui attend Thord est extrêmement complexe sur le plan logistique et seuls ses meilleurs hommes sauront la relever.</t>
  </si>
  <si>
    <t>Ultimate Airport Pérou et Brésil : Divorce et drogues</t>
  </si>
  <si>
    <t>Drugs And Divorce</t>
  </si>
  <si>
    <t>À l’aéroport international Jorge Chavez de Lima, au Pérou, les agents de sécurité travaillent d’arrache-pied pour tenter d’empêcher la sortie de substances illicites du pays. Niant voyager ensemble, un couple divorcé transporte des valises identiques remplies de poudre blanche. Malgré un test à la cocaïne revenu négatif, des policiers décident de creuser davantage la piste d’un sac qui présente des traces douteuses. Alors qu’un suspect dissimule de la cocaïne dans les poignées de son bagage cabine, un homme est retrouvé avec 35 capsules de la même substance dans l’estomac.</t>
  </si>
  <si>
    <t>N0018087</t>
  </si>
  <si>
    <t>Aéroport JFK : Pris en flag ! : Les mules</t>
  </si>
  <si>
    <t>Hidden Heroin</t>
  </si>
  <si>
    <t>Les agents du US Customs and Border Protection cherchent constamment à connaitre les nouvelles méthodes utilisées par les trafiquants pour dissimuler de la drogue dans leur bagages. Dans cet épisode, deux hommes provenant de différents continents leur paraissent suspects. Seule une radio pourra déterminer si ces voyageurs à l'air nerveux dissimulent bien quelque chose...</t>
  </si>
  <si>
    <t>P0867714</t>
  </si>
  <si>
    <t>The Border : Nouvelles méthodes</t>
  </si>
  <si>
    <t>The Border</t>
  </si>
  <si>
    <t>Flying High</t>
  </si>
  <si>
    <t>Dans cet épisode, les agents de Nogales, dans l’État américain de l’Arizona, sont confrontés à de nombreux défis. Les policiers du service des douanes et de la protection des frontières démantèlent un point de passage des trafiquants dans une zone isolée d’Ajo, immobilisent un véhicule qui s’apprêtait à faire passer des armes et près de 800 000 dollars au Mexique et élaborent de nouvelles stratégies destinées à lutter contre une forme de trafic de drogue inédite et quasi infaillible. Au point d’entrée, des agents arrêtent un individu en route vers le Mexique suspecté d’être une mule et découvrent qu’il n’en est pas à sa première interpellation de l’année. Au cœur du désert, ils appréhendent trois contrebandiers présumés et saisissent plusieurs paquets de marijuana enfouis dans les environs. Lors de leur patrouille nocturne, un policier et son chien sont alertés de la présence d’un groupe de potentiels trafiquants.</t>
  </si>
  <si>
    <t>P0867724</t>
  </si>
  <si>
    <t>The Border : Traque dans le tunnel</t>
  </si>
  <si>
    <t>Tunnel Chase</t>
  </si>
  <si>
    <t>Dans cet épisode, les forces de l’ordre luttent contre les organisations criminelles et les immigrants clandestins qui, malgré le durcissement de la frontière entre les États-Unis et le Mexique, sont parvenus à trouver des zones de passage. À 1,20 m sous Nogales, des policiers rampent au sein d’un tunnel étroit destiné au passage de la drogue, conscients de pouvoir tomber nez à nez avec des malfaiteurs armés. À proximité du point d’entrée, l’équipe d’inspection ferroviaire de Nogales est sur le qui-vive. Un train de marchandises rempli de nouvelles voitures entre en gare, lieu de prédilection pour les cartels qui dissimulent des stupéfiants à bord de ses innombrables cachettes. Si les agents ne se montrent pas suffisamment vigilants, ils risquent de passer à côté d’une cargaison suspecte. Dans le désert, la seule unité à moto tout terrain de la police des frontières poursuit un groupe d’immigrants illégaux. Au cœur de cette vaste réserve amérindienne, les policiers devront compter sur leur habileté et leur chance pour les atteindre.</t>
  </si>
  <si>
    <t>P0867722</t>
  </si>
  <si>
    <t>The Border : La créativité des cartels</t>
  </si>
  <si>
    <t>Superweed Smugglers</t>
  </si>
  <si>
    <t xml:space="preserve">Le long de la frontière entre l’Arizona et le Mexique, le renforcement de la sécurité a contraint les cartels à innover. Les agents du département de la Sécurité intérieure doivent désormais traquer trafiquants de drogue et immigrants clandestins sur les territoires les plus périlleux. Dans cet épisode, des troupes en hélicoptère collaborent avec des policiers au sol afin de suivre des individus douteux qui traversent l’un des parcs nationaux américains les plus dangereux. Huit migrants illégaux présumés sont aperçus à quelques kilomètres de la frontière depuis le poste central. L’équipe aérienne et les unités au sol se lancent à leur poursuite ; à l’aide d’un énorme projecteur, Oscar Peru guide ses hommes jusqu’aux suspects cachés sous un arbre. </t>
  </si>
  <si>
    <t>P0867716</t>
  </si>
  <si>
    <t>The Border : Une mule inattendue</t>
  </si>
  <si>
    <t>Grandma Drug Mule</t>
  </si>
  <si>
    <t>Dans une zone reculée du désert de l’Arizona, des agents de la police aux frontières traquent un groupe d’immigrants à l’aide de dispositifs de vision nocturne. Grâce à un hélicoptère militaire, des policiers en 4x4 localisent et interpellent un trafiquant présumé qui s’apprêtait à introduire de la drogue aux États-Unis. En parallèle, des patrouilleurs arrêtent une mule inattendue, bien que de plus en plus fréquente : une femme âgée.</t>
  </si>
  <si>
    <t>12/02/2021</t>
  </si>
  <si>
    <t>N0024370</t>
  </si>
  <si>
    <t>Ping Pong and Leg Waxing</t>
  </si>
  <si>
    <t>Gêne et douleur vous attendent dans ce nouvel épisode. Se tenir debout ou monter et descendre d'un bateau peut être une affaire délicate. Il y a plusieurs facteurs à retenir sinon c'est la chute assurée! Les joueurs de tennis de table doivent se préparer comme tous autres sportifs professionnels ... surtout en Chine qui compte pas moins de 300 millions de pongistes ! Découvrez également les secrets d'une épilation sans douleur!</t>
  </si>
  <si>
    <t>N0000784</t>
  </si>
  <si>
    <t>I Didn't Know That 2, 9</t>
  </si>
  <si>
    <t>Richard et Jonny visitent un barrage massif au Pays de Galles pour y découvrir les défis techniques impliqués dans la construction d'une telle structure. Plus tard, ils révèlent les rouages ​​d'une caméra de vitesse routière .</t>
  </si>
  <si>
    <t>N0000785</t>
  </si>
  <si>
    <t>I Didn't Know That 2, 10</t>
  </si>
  <si>
    <t>Richard et Jonny vont dans les coulisses d'un supermarché pour révéler comment les codes-barres fonctionnent et pour déterminer si la musique du magasin affecte vraiment ce que vous achetez .</t>
  </si>
  <si>
    <t>N0016132</t>
  </si>
  <si>
    <t>Air Crash : Neige sanglante</t>
  </si>
  <si>
    <t>Cold Case</t>
  </si>
  <si>
    <t>Le 10 mars 1989, en route pour Winnipeg, le vol Air Ontario 1363 se prépare à décoller après une courte escale dans un aéroport isolé au nord du Canada. Ayant déjà une heure de retard, les pilotes craignent que la neige ne retarde encore plus le départ. C'est pourquoi, directement après avoir fait le plein, qu'il se positionne sur la piste de décollage et accélère. Le jet parvient à décoller à la lisière des arbres en bout de piste, mais se met soudain à trembler violemment et, une minute à peine après le décollage, se crashe dans la forêt. Il faudra des mois aux enquêteurs pour déterminer les causes de l'accident, qu'ils ne découvrirent que trop tard, après qu'un autre vol ne soit victime du même climat mortel.</t>
  </si>
  <si>
    <t>N0016143</t>
  </si>
  <si>
    <t>Air Crash : Avion en feu</t>
  </si>
  <si>
    <t>Panic On The Runway</t>
  </si>
  <si>
    <t xml:space="preserve">22 août 1985. Le vol British Airlines décolle de l'aéroport de Manchester à destination de Corfou, en Grèce. Alors que l'avion accélère, un bruit se fait entendre dans le fuselage, contraignant les pilotes à renoncer au décollage. Le personnel naviguant pense à l'éclatement d'un pneu mais les passagers assis dans les rangées de gauche comprennent que le vrai problème provient du moteur en feu. Rapidement, la cabine se remplit de fumée noire et les passagers, paniqués, se battent pour s'enfuir. En quelques minutes seulement, l'avion est entièrement détruit par les flammes, causant la mort de 55 personnes. Les enquêteurs parviendront-ils à déterminer comment une urgence minime s'est transformée en une des catastrophes aériennes les plus dramatiques de l'histoire de l'aviation britannique ?
</t>
  </si>
  <si>
    <t>N0015935</t>
  </si>
  <si>
    <t>A la casse : Le F4 phantom</t>
  </si>
  <si>
    <t>Phantom Jet</t>
  </si>
  <si>
    <t xml:space="preserve">Le F4 Phantom faisait partie de l'escadron de l'Air Force. Sa rapidité, son agilité et sa puissance de feu faisaient de lui l'un des jets les plus dangereux au monde. Il a prit place dans presque tous les conflits de notre époque, du Vietnam à la guerre Iran/Irak, en passant par l'Afghanistan. Mais même ces guerriers ailés doivent se retirer. Quelques  F4 Phantom sont utilisés comme drones pour des cibles précises, d'autres sont désarmés et cloués au sol. Ils sont parfois réutilisés pour d'autres missions. Le processus de destruction ne prend que deux mois et demi ... mais reste très dangereux. Chaque avion contient un canon Vulcan, un siège éjectable, des missiles chargés... L'équipe de spécialistes chargée de détruire ces parties est consciente de sa mission : un seul faux mouvement et le processus de destruction peut endommager plusieurs parties de l'avion ; ou, au pire, blesser ou tuer, technicien ou pilote...         
</t>
  </si>
  <si>
    <t>N0018366</t>
  </si>
  <si>
    <t>Destruction tout bénef ! Un défi aérien</t>
  </si>
  <si>
    <t>Airplane Palace</t>
  </si>
  <si>
    <t>Lee et Brian remporte un appel d'offre sur une vieille ferme datant des années 1700. Ils y trouvent un avion ultra léger. Si l'avion parvient à voler, ils tireront un très bon profit de cette affaire. Mais rien n'est moins sûr...</t>
  </si>
  <si>
    <t>N0018367</t>
  </si>
  <si>
    <t>Destruction tout bénef ! : A vos risques et périls</t>
  </si>
  <si>
    <t>Million Dollar Manor</t>
  </si>
  <si>
    <t>Brian et Lee acceptent de démolir une maison face à la mer pour 4000 dollars de moins que le prix habituel. Si des pièces du manoir tombent dans l'océan, ils devront couvrir les charges avec leur propre argent. Ils n'ont plus qu'à espérer que les matériaux du bâtiment et les objets qui s'y trouvent valent le coup...</t>
  </si>
  <si>
    <t>N0025502</t>
  </si>
  <si>
    <t>Top Cars : Audi A8</t>
  </si>
  <si>
    <t>Audi A8</t>
  </si>
  <si>
    <t>N0025499</t>
  </si>
  <si>
    <t>Top Cars : Jeep Wrangler</t>
  </si>
  <si>
    <t>Jeep Wrangler</t>
  </si>
  <si>
    <t>P0874702</t>
  </si>
  <si>
    <t>Les mystères des lignes de Nasca</t>
  </si>
  <si>
    <t>Nasca Lines: Unlocking The Secrets</t>
  </si>
  <si>
    <t>À la recherche d’éventuelles traces de pillage ou d’intrusion sur le site des célèbres géoglyphes de Nazca, des archéologues péruviens découvrent de nouvelles figures à l’aide de drones de pointe. Issues d’une ancienne culture de Paracas, elles remontent à une époque lointaine, antérieure à notre ère. Des images inédites nous en apprennent davantage sur ces géoglyphes. Étaient-ils destinés à briller sous la pleine lune ?</t>
  </si>
  <si>
    <t>P0872691</t>
  </si>
  <si>
    <t>Les révélations des secrets Mayas</t>
  </si>
  <si>
    <t>Buried Truth</t>
  </si>
  <si>
    <t>Buried Truth of the Maya, 1</t>
  </si>
  <si>
    <t>Selon la légende maya, Chichén Itzá renfermerait une grotte souterraine secrète. Aidés des nouvelles technologies, les archéologues ont aujourd’hui pour mission de percer les mystères de ce site.</t>
  </si>
  <si>
    <t>P0893982</t>
  </si>
  <si>
    <t>Le temple disparu de l’empire inca</t>
  </si>
  <si>
    <t>Lost Temple of The Inca</t>
  </si>
  <si>
    <t>Lost Temple of The Inca, 1</t>
  </si>
  <si>
    <t>L’archéologue légendaire Johan Reinhard a consacré sa vie à l’exploration des temples disparus de l’Empire inca. Un seul lui a toutefois échappé : l’Ausangate, du nom de l’une des montagnes les plus sacrées du Pérou. Aujourd’hui septuagénaire, il passe le flambeau au spécialiste de l’environnement Preston Sowell, qui fait alors une mystérieuse découverte sur un lac alpin à proximité de l’Ausangate. Entre exploration, perte et aventure, partez sur les traces de ce lieu vénéré lors d’une incroyable odyssée aux côtés du scientifique.</t>
  </si>
  <si>
    <t>P0753002</t>
  </si>
  <si>
    <t>Atlantide, la cité perdue</t>
  </si>
  <si>
    <t>Atlantis Rising</t>
  </si>
  <si>
    <t>Atlantis Rising, 1</t>
  </si>
  <si>
    <t xml:space="preserve">Produit par James Cameron, ce programme nous lance sur la découverte, des enquêtes sur des artefacts tels que des trouvailles archéologiques, des photographies de satellites, des manuscrits cachés aux yeux de tous, des explorations sous-marines... Afin de tenter de les décoder et de les utiliser comme tremplins pour en savoir plus sur le reste de l'histoire. 
</t>
  </si>
  <si>
    <t>N0028123</t>
  </si>
  <si>
    <t>La route de l'enfer : Norvège – Chaos dans la montagne</t>
  </si>
  <si>
    <t>Storm Chaos Mountain</t>
  </si>
  <si>
    <t>La plus grosse tempête s'apprête à s’abattre sur la Norvège et tous les sauveteurs doivent arrêter de travailler. Sous une pluie battante, accompagnée de vent et de neige, les équipes du Nord et du Sud sont sous pression : ils doivent faire descendre tout le monde de la montagne et se préparer avant l'orage.</t>
  </si>
  <si>
    <t>P0830176</t>
  </si>
  <si>
    <t>La route de l'enfer : Norvège - Au bord de la catastrophe</t>
  </si>
  <si>
    <t xml:space="preserve">Dans le sud de la Norvège, un chasse-neige de 40 tonnes a franchi une barrière de sécurité puis fait des tonneaux jusqu’en bas d’une rive, avant de finir dans un lac gelé. Il s’agit du sauvetage le plus impressionnant auquel ont été confrontés Thord et ses compagnons. Douze heures de dur labeur empêtrés dans la neige seront nécessaires pour remettre le chasse-neige sur pied.
</t>
  </si>
  <si>
    <t>Ultimate Airport Pérou et Brésil : Valise en surpoids</t>
  </si>
  <si>
    <t>Suitcase Saturation</t>
  </si>
  <si>
    <t>À l’aéroport international Jorge Chavez de Lima, au Pérou, la police fait face à un défi de taille : endiguer le trafic de drogue. Des agents arrêtent un homme en possession d’emballages alimentaires remplis de cocaïne, suspecté de cacher d’autres substances. Une vieille dame dissimulant des stupéfiants dans son sac est interpellée. Après la découverte de drogues dans sa valise, une mère de famille déclare être également forcée de se prostituer. Enfin, un individu assure que les cachets scotchés sur son corps sont destinés à sa consommation personnelle.</t>
  </si>
  <si>
    <t>N0018002</t>
  </si>
  <si>
    <t>Aéroport JFK : Pris en flag ! : Veuillez retirer vos chaussures</t>
  </si>
  <si>
    <t>Cavity Courier</t>
  </si>
  <si>
    <t>Dans cet épisode, des pilules sont trouvées dans un colis postal et de la cocaïne est dissimulée dans une paire de chaussures ! Enfin, les talents d'investigation de nos douaniers sont mis à rude épreuve lors d'un interrogatoire difficile...</t>
  </si>
  <si>
    <t>P0806460</t>
  </si>
  <si>
    <t>Car SOS : MGA Roadster</t>
  </si>
  <si>
    <t>MGA Roadster</t>
  </si>
  <si>
    <t>Tim et Fuzz se chargent de la pire voiture de leur carrière, une MGA Roadster de 1959 dépérissant au fond d’une grange humide depuis plus de 40 ans. Cette dernière appartient à Billy, un ancien ingénieur dont la vie a été bouleversée par la noyade de son fils et de sa belle-fille lors de leur lune de miel en Afrique du Sud, en 2014. Les deux mécaniciens appellent à la rescousse James Nesbitt, l’acteur de Lucky Man, invité spécial de cet épisode.</t>
  </si>
  <si>
    <t>P0797353</t>
  </si>
  <si>
    <t>Car SOS : Lancia Delta Integrale</t>
  </si>
  <si>
    <t>Lancia Delta Integrale</t>
  </si>
  <si>
    <t>Tim et Fuzz récupèrent la Lancia Integrale Evo II de 1994 du fou de voitures italiennes Gary. Cette championne mondiale des rallyes est si rouillée ! Les deux compères ne sont pas au bout de leurs peines. Lorsqu’une tragédie vient à frapper, le processus de restauration prend un tour complètement différent.</t>
  </si>
  <si>
    <t>P0797354</t>
  </si>
  <si>
    <t>Car SOS : VW Karmann Ghia</t>
  </si>
  <si>
    <t>VW Karmann Ghia</t>
  </si>
  <si>
    <t>Tim et Fuzz récupèrent la Volkswagen Karmann Ghia de 1965 du fou de voitures Lee. Cette élégante voiture de collection allemande a connu des jours meilleurs. Rêve de son propriétaire, cette voiture est devenue un véritable cauchemar au fil des pannes de moteur. Le combat de Lee contre la maladie de Crohn rend difficile la restauration de son bijou, mais l’équipe de Car S.O.S. vient lui prêter main forte.</t>
  </si>
  <si>
    <t>P0757386</t>
  </si>
  <si>
    <t>Car S.O.S. : Renault 5 GT Turbo</t>
  </si>
  <si>
    <t>Renault 5 GT Turbo</t>
  </si>
  <si>
    <t xml:space="preserve">Tim et Fuzz ont récupéré une Renault 5 GT Turbo, un modèle français légendaire des années 1980. Ben, son propriétaire, avait commencé sa restauration lorsqu'il a souffert d'une défaillance des organes, ce qui l'a empêché de mener à bien son projet. Tim et Fuzz parviendront-ils à remettre cette voiture de rêve sur la route ?
</t>
  </si>
  <si>
    <t>P0757387</t>
  </si>
  <si>
    <t>Car S.O.S. : Fiat 500</t>
  </si>
  <si>
    <t>Fiat 500</t>
  </si>
  <si>
    <t xml:space="preserve">Tim et Fuzz s'occupent d'une icône italienne : une Fiat 500 de 1967, la plus petite voiture qu'ils aient jamais réparé, mais qui représente l'un de leurs plus grands défis. Une série de tragédies familiales a empêché Duncan, son propriétaire, de la restaurer : c'est désormais au tour des garçons de Car SOS de lui prêter main-fort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3">
    <fill>
      <patternFill patternType="none"/>
    </fill>
    <fill>
      <patternFill patternType="gray125"/>
    </fill>
    <fill>
      <patternFill patternType="solid">
        <fgColor rgb="FFFFFF00"/>
        <bgColor indexed="64"/>
      </patternFill>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9">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xf numFmtId="0" fontId="4" fillId="2" borderId="1" xfId="0" applyNumberFormat="1" applyFont="1" applyFill="1" applyBorder="1" applyAlignment="1">
      <alignment vertical="top" wrapText="1" readingOrder="1"/>
    </xf>
    <xf numFmtId="0" fontId="1" fillId="2" borderId="0" xfId="0" applyFont="1" applyFill="1" applyBorder="1"/>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33"/>
  <sheetViews>
    <sheetView showGridLines="0" tabSelected="1" workbookViewId="0">
      <selection activeCell="F247" sqref="F247"/>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t="s">
        <v>15</v>
      </c>
      <c r="D3" s="2" t="s">
        <v>16</v>
      </c>
      <c r="E3" s="2" t="s">
        <v>16</v>
      </c>
      <c r="F3" s="2" t="s">
        <v>17</v>
      </c>
      <c r="G3" s="3">
        <v>11</v>
      </c>
      <c r="H3" s="2" t="s">
        <v>18</v>
      </c>
      <c r="I3" s="3">
        <v>2015</v>
      </c>
      <c r="J3" s="2" t="s">
        <v>19</v>
      </c>
      <c r="K3" s="2"/>
      <c r="L3" s="2" t="s">
        <v>20</v>
      </c>
    </row>
    <row r="4" spans="1:12" ht="15.2" customHeight="1">
      <c r="A4" s="2" t="s">
        <v>13</v>
      </c>
      <c r="B4" s="2" t="s">
        <v>21</v>
      </c>
      <c r="C4" s="2" t="s">
        <v>22</v>
      </c>
      <c r="D4" s="2" t="s">
        <v>23</v>
      </c>
      <c r="E4" s="2" t="s">
        <v>24</v>
      </c>
      <c r="F4" s="2" t="s">
        <v>25</v>
      </c>
      <c r="G4" s="3">
        <v>1</v>
      </c>
      <c r="H4" s="2" t="s">
        <v>18</v>
      </c>
      <c r="I4" s="3">
        <v>2015</v>
      </c>
      <c r="J4" s="2" t="s">
        <v>19</v>
      </c>
      <c r="K4" s="2"/>
      <c r="L4" s="2" t="s">
        <v>26</v>
      </c>
    </row>
    <row r="5" spans="1:12" ht="15.2" customHeight="1">
      <c r="A5" s="2" t="s">
        <v>13</v>
      </c>
      <c r="B5" s="2" t="s">
        <v>27</v>
      </c>
      <c r="C5" s="2" t="s">
        <v>28</v>
      </c>
      <c r="D5" s="2" t="s">
        <v>23</v>
      </c>
      <c r="E5" s="2" t="s">
        <v>24</v>
      </c>
      <c r="F5" s="2" t="s">
        <v>29</v>
      </c>
      <c r="G5" s="3">
        <v>12</v>
      </c>
      <c r="H5" s="2" t="s">
        <v>18</v>
      </c>
      <c r="I5" s="3">
        <v>2015</v>
      </c>
      <c r="J5" s="2" t="s">
        <v>19</v>
      </c>
      <c r="K5" s="2"/>
      <c r="L5" s="2" t="s">
        <v>30</v>
      </c>
    </row>
    <row r="6" spans="1:12" ht="15.2" customHeight="1">
      <c r="A6" s="2" t="s">
        <v>13</v>
      </c>
      <c r="B6" s="2" t="s">
        <v>31</v>
      </c>
      <c r="C6" s="2" t="s">
        <v>32</v>
      </c>
      <c r="D6" s="2" t="s">
        <v>33</v>
      </c>
      <c r="E6" s="2" t="s">
        <v>34</v>
      </c>
      <c r="F6" s="2" t="s">
        <v>35</v>
      </c>
      <c r="G6" s="3">
        <v>7</v>
      </c>
      <c r="H6" s="2" t="s">
        <v>36</v>
      </c>
      <c r="I6" s="3">
        <v>2020</v>
      </c>
      <c r="J6" s="2" t="s">
        <v>19</v>
      </c>
      <c r="K6" s="2"/>
      <c r="L6" s="2" t="s">
        <v>37</v>
      </c>
    </row>
    <row r="7" spans="1:12" ht="15.2" customHeight="1">
      <c r="A7" s="2" t="s">
        <v>13</v>
      </c>
      <c r="B7" s="2" t="s">
        <v>38</v>
      </c>
      <c r="C7" s="2" t="s">
        <v>39</v>
      </c>
      <c r="D7" s="2" t="s">
        <v>40</v>
      </c>
      <c r="E7" s="2" t="s">
        <v>34</v>
      </c>
      <c r="F7" s="2" t="s">
        <v>41</v>
      </c>
      <c r="G7" s="3">
        <v>5</v>
      </c>
      <c r="H7" s="2" t="s">
        <v>36</v>
      </c>
      <c r="I7" s="3">
        <v>2020</v>
      </c>
      <c r="J7" s="2" t="s">
        <v>19</v>
      </c>
      <c r="K7" s="2"/>
      <c r="L7" s="2" t="s">
        <v>42</v>
      </c>
    </row>
    <row r="8" spans="1:12" ht="15.2" customHeight="1">
      <c r="A8" s="2" t="s">
        <v>13</v>
      </c>
      <c r="B8" s="2" t="s">
        <v>43</v>
      </c>
      <c r="C8" s="2" t="s">
        <v>44</v>
      </c>
      <c r="D8" s="2" t="s">
        <v>45</v>
      </c>
      <c r="E8" s="2" t="s">
        <v>34</v>
      </c>
      <c r="F8" s="2" t="s">
        <v>46</v>
      </c>
      <c r="G8" s="3">
        <v>8</v>
      </c>
      <c r="H8" s="2" t="s">
        <v>36</v>
      </c>
      <c r="I8" s="3">
        <v>2020</v>
      </c>
      <c r="J8" s="2" t="s">
        <v>19</v>
      </c>
      <c r="K8" s="2"/>
      <c r="L8" s="2" t="s">
        <v>47</v>
      </c>
    </row>
    <row r="9" spans="1:12" ht="15.2" customHeight="1">
      <c r="A9" s="2" t="s">
        <v>13</v>
      </c>
      <c r="B9" s="2" t="s">
        <v>48</v>
      </c>
      <c r="C9" s="2" t="s">
        <v>49</v>
      </c>
      <c r="D9" s="2" t="s">
        <v>50</v>
      </c>
      <c r="E9" s="2" t="s">
        <v>51</v>
      </c>
      <c r="F9" s="2" t="s">
        <v>52</v>
      </c>
      <c r="G9" s="3">
        <v>8</v>
      </c>
      <c r="H9" s="2" t="s">
        <v>36</v>
      </c>
      <c r="I9" s="3">
        <v>2019</v>
      </c>
      <c r="J9" s="2" t="s">
        <v>53</v>
      </c>
      <c r="K9" s="2"/>
      <c r="L9" s="2" t="s">
        <v>54</v>
      </c>
    </row>
    <row r="10" spans="1:12" ht="15.2" customHeight="1">
      <c r="A10" s="2" t="s">
        <v>13</v>
      </c>
      <c r="B10" s="2" t="s">
        <v>55</v>
      </c>
      <c r="C10" s="2" t="s">
        <v>56</v>
      </c>
      <c r="D10" s="2" t="s">
        <v>57</v>
      </c>
      <c r="E10" s="2" t="s">
        <v>51</v>
      </c>
      <c r="F10" s="2" t="s">
        <v>58</v>
      </c>
      <c r="G10" s="3">
        <v>9</v>
      </c>
      <c r="H10" s="2" t="s">
        <v>36</v>
      </c>
      <c r="I10" s="3">
        <v>2019</v>
      </c>
      <c r="J10" s="2" t="s">
        <v>53</v>
      </c>
      <c r="K10" s="2"/>
      <c r="L10" s="2" t="s">
        <v>59</v>
      </c>
    </row>
    <row r="11" spans="1:12" ht="15.2" customHeight="1">
      <c r="A11" s="2" t="s">
        <v>13</v>
      </c>
      <c r="B11" s="2" t="s">
        <v>60</v>
      </c>
      <c r="C11" s="2" t="s">
        <v>61</v>
      </c>
      <c r="D11" s="2" t="s">
        <v>62</v>
      </c>
      <c r="E11" s="2" t="s">
        <v>51</v>
      </c>
      <c r="F11" s="2" t="s">
        <v>63</v>
      </c>
      <c r="G11" s="3">
        <v>10</v>
      </c>
      <c r="H11" s="2" t="s">
        <v>36</v>
      </c>
      <c r="I11" s="3">
        <v>2019</v>
      </c>
      <c r="J11" s="2" t="s">
        <v>53</v>
      </c>
      <c r="K11" s="2"/>
      <c r="L11" s="2" t="s">
        <v>64</v>
      </c>
    </row>
    <row r="12" spans="1:12" ht="15.2" customHeight="1">
      <c r="A12" s="2" t="s">
        <v>13</v>
      </c>
      <c r="B12" s="2" t="s">
        <v>65</v>
      </c>
      <c r="C12" s="2" t="s">
        <v>66</v>
      </c>
      <c r="D12" s="2" t="s">
        <v>67</v>
      </c>
      <c r="E12" s="2" t="s">
        <v>68</v>
      </c>
      <c r="F12" s="2" t="s">
        <v>69</v>
      </c>
      <c r="G12" s="3">
        <v>3</v>
      </c>
      <c r="H12" s="2" t="s">
        <v>70</v>
      </c>
      <c r="I12" s="3">
        <v>2010</v>
      </c>
      <c r="J12" s="2" t="s">
        <v>53</v>
      </c>
      <c r="K12" s="2"/>
      <c r="L12" s="2" t="s">
        <v>71</v>
      </c>
    </row>
    <row r="13" spans="1:12" ht="15.2" customHeight="1">
      <c r="A13" s="2" t="s">
        <v>13</v>
      </c>
      <c r="B13" s="2" t="s">
        <v>72</v>
      </c>
      <c r="C13" s="2"/>
      <c r="D13" s="2" t="s">
        <v>73</v>
      </c>
      <c r="E13" s="2" t="s">
        <v>74</v>
      </c>
      <c r="F13" s="2" t="s">
        <v>75</v>
      </c>
      <c r="G13" s="3">
        <v>5</v>
      </c>
      <c r="H13" s="2" t="s">
        <v>36</v>
      </c>
      <c r="I13" s="3">
        <v>2020</v>
      </c>
      <c r="J13" s="2" t="s">
        <v>76</v>
      </c>
      <c r="K13" s="2"/>
      <c r="L13" s="2" t="s">
        <v>77</v>
      </c>
    </row>
    <row r="14" spans="1:12" ht="15.2" customHeight="1">
      <c r="A14" s="2" t="s">
        <v>13</v>
      </c>
      <c r="B14" s="2" t="s">
        <v>78</v>
      </c>
      <c r="C14" s="2"/>
      <c r="D14" s="2" t="s">
        <v>79</v>
      </c>
      <c r="E14" s="2" t="s">
        <v>74</v>
      </c>
      <c r="F14" s="2" t="s">
        <v>80</v>
      </c>
      <c r="G14" s="3">
        <v>6</v>
      </c>
      <c r="H14" s="2" t="s">
        <v>36</v>
      </c>
      <c r="I14" s="3">
        <v>2020</v>
      </c>
      <c r="J14" s="2" t="s">
        <v>76</v>
      </c>
      <c r="K14" s="2"/>
      <c r="L14" s="2" t="s">
        <v>81</v>
      </c>
    </row>
    <row r="15" spans="1:12" ht="15.2" customHeight="1">
      <c r="A15" s="2" t="s">
        <v>13</v>
      </c>
      <c r="B15" s="2" t="s">
        <v>82</v>
      </c>
      <c r="C15" s="2" t="s">
        <v>83</v>
      </c>
      <c r="D15" s="2" t="s">
        <v>84</v>
      </c>
      <c r="E15" s="2" t="s">
        <v>85</v>
      </c>
      <c r="F15" s="2" t="s">
        <v>86</v>
      </c>
      <c r="G15" s="3">
        <v>5</v>
      </c>
      <c r="H15" s="2" t="s">
        <v>70</v>
      </c>
      <c r="I15" s="3">
        <v>2014</v>
      </c>
      <c r="J15" s="2" t="s">
        <v>19</v>
      </c>
      <c r="K15" s="2"/>
      <c r="L15" s="2" t="s">
        <v>87</v>
      </c>
    </row>
    <row r="16" spans="1:12" ht="15.2" customHeight="1">
      <c r="A16" s="2" t="s">
        <v>13</v>
      </c>
      <c r="B16" s="2" t="s">
        <v>88</v>
      </c>
      <c r="C16" s="2" t="s">
        <v>89</v>
      </c>
      <c r="D16" s="2" t="s">
        <v>90</v>
      </c>
      <c r="E16" s="2" t="s">
        <v>85</v>
      </c>
      <c r="F16" s="2" t="s">
        <v>91</v>
      </c>
      <c r="G16" s="3">
        <v>6</v>
      </c>
      <c r="H16" s="2" t="s">
        <v>70</v>
      </c>
      <c r="I16" s="3">
        <v>2014</v>
      </c>
      <c r="J16" s="2" t="s">
        <v>19</v>
      </c>
      <c r="K16" s="2"/>
      <c r="L16" s="2" t="s">
        <v>92</v>
      </c>
    </row>
    <row r="17" spans="1:12" ht="15.2" customHeight="1">
      <c r="A17" s="2" t="s">
        <v>13</v>
      </c>
      <c r="B17" s="2" t="s">
        <v>93</v>
      </c>
      <c r="C17" s="2" t="s">
        <v>94</v>
      </c>
      <c r="D17" s="2" t="s">
        <v>95</v>
      </c>
      <c r="E17" s="2" t="s">
        <v>96</v>
      </c>
      <c r="F17" s="2" t="s">
        <v>97</v>
      </c>
      <c r="G17" s="3">
        <v>11</v>
      </c>
      <c r="H17" s="2" t="s">
        <v>18</v>
      </c>
      <c r="I17" s="3">
        <v>2018</v>
      </c>
      <c r="J17" s="2" t="s">
        <v>98</v>
      </c>
      <c r="K17" s="2"/>
      <c r="L17" s="2" t="s">
        <v>99</v>
      </c>
    </row>
    <row r="18" spans="1:12" ht="15.2" customHeight="1">
      <c r="A18" s="2" t="s">
        <v>13</v>
      </c>
      <c r="B18" s="2" t="s">
        <v>100</v>
      </c>
      <c r="C18" s="2" t="s">
        <v>101</v>
      </c>
      <c r="D18" s="2" t="s">
        <v>102</v>
      </c>
      <c r="E18" s="2" t="s">
        <v>96</v>
      </c>
      <c r="F18" s="2" t="s">
        <v>103</v>
      </c>
      <c r="G18" s="3">
        <v>12</v>
      </c>
      <c r="H18" s="2" t="s">
        <v>18</v>
      </c>
      <c r="I18" s="3">
        <v>2018</v>
      </c>
      <c r="J18" s="2" t="s">
        <v>98</v>
      </c>
      <c r="K18" s="2"/>
      <c r="L18" s="2" t="s">
        <v>104</v>
      </c>
    </row>
    <row r="19" spans="1:12" ht="15.2" customHeight="1">
      <c r="A19" s="2" t="s">
        <v>13</v>
      </c>
      <c r="B19" s="2" t="s">
        <v>105</v>
      </c>
      <c r="C19" s="2" t="s">
        <v>106</v>
      </c>
      <c r="D19" s="2" t="s">
        <v>107</v>
      </c>
      <c r="E19" s="2" t="s">
        <v>96</v>
      </c>
      <c r="F19" s="2" t="s">
        <v>108</v>
      </c>
      <c r="G19" s="3">
        <v>13</v>
      </c>
      <c r="H19" s="2" t="s">
        <v>18</v>
      </c>
      <c r="I19" s="3">
        <v>2018</v>
      </c>
      <c r="J19" s="2" t="s">
        <v>98</v>
      </c>
      <c r="K19" s="2"/>
      <c r="L19" s="2" t="s">
        <v>109</v>
      </c>
    </row>
    <row r="20" spans="1:12" ht="15.2" customHeight="1">
      <c r="A20" s="2" t="s">
        <v>13</v>
      </c>
      <c r="B20" s="2" t="s">
        <v>110</v>
      </c>
      <c r="C20" s="2" t="s">
        <v>111</v>
      </c>
      <c r="D20" s="2" t="s">
        <v>112</v>
      </c>
      <c r="E20" s="2" t="s">
        <v>96</v>
      </c>
      <c r="F20" s="2" t="s">
        <v>113</v>
      </c>
      <c r="G20" s="3">
        <v>14</v>
      </c>
      <c r="H20" s="2" t="s">
        <v>18</v>
      </c>
      <c r="I20" s="3">
        <v>2018</v>
      </c>
      <c r="J20" s="2" t="s">
        <v>98</v>
      </c>
      <c r="K20" s="2"/>
      <c r="L20" s="2" t="s">
        <v>114</v>
      </c>
    </row>
    <row r="21" spans="1:12" ht="15.2" customHeight="1">
      <c r="A21" s="2" t="s">
        <v>13</v>
      </c>
      <c r="B21" s="2" t="s">
        <v>115</v>
      </c>
      <c r="C21" s="2" t="s">
        <v>116</v>
      </c>
      <c r="D21" s="2" t="s">
        <v>117</v>
      </c>
      <c r="E21" s="2" t="s">
        <v>96</v>
      </c>
      <c r="F21" s="2" t="s">
        <v>118</v>
      </c>
      <c r="G21" s="3">
        <v>15</v>
      </c>
      <c r="H21" s="2" t="s">
        <v>18</v>
      </c>
      <c r="I21" s="3">
        <v>2018</v>
      </c>
      <c r="J21" s="2" t="s">
        <v>98</v>
      </c>
      <c r="K21" s="2"/>
      <c r="L21" s="2" t="s">
        <v>119</v>
      </c>
    </row>
    <row r="22" spans="1:12" ht="15.2" customHeight="1">
      <c r="A22" s="2" t="s">
        <v>13</v>
      </c>
      <c r="B22" s="2" t="s">
        <v>120</v>
      </c>
      <c r="C22" s="2" t="s">
        <v>121</v>
      </c>
      <c r="D22" s="2" t="s">
        <v>122</v>
      </c>
      <c r="E22" s="2" t="s">
        <v>96</v>
      </c>
      <c r="F22" s="2" t="s">
        <v>123</v>
      </c>
      <c r="G22" s="3">
        <v>16</v>
      </c>
      <c r="H22" s="2" t="s">
        <v>18</v>
      </c>
      <c r="I22" s="3">
        <v>2018</v>
      </c>
      <c r="J22" s="2" t="s">
        <v>98</v>
      </c>
      <c r="K22" s="2"/>
      <c r="L22" s="2" t="s">
        <v>124</v>
      </c>
    </row>
    <row r="23" spans="1:12" ht="15.2" customHeight="1">
      <c r="A23" s="2" t="s">
        <v>13</v>
      </c>
      <c r="B23" s="2" t="s">
        <v>125</v>
      </c>
      <c r="C23" s="2" t="s">
        <v>126</v>
      </c>
      <c r="D23" s="2" t="s">
        <v>127</v>
      </c>
      <c r="E23" s="2" t="s">
        <v>128</v>
      </c>
      <c r="F23" s="2" t="s">
        <v>129</v>
      </c>
      <c r="G23" s="3">
        <v>2</v>
      </c>
      <c r="H23" s="2" t="s">
        <v>70</v>
      </c>
      <c r="I23" s="3">
        <v>2018</v>
      </c>
      <c r="J23" s="2" t="s">
        <v>130</v>
      </c>
      <c r="K23" s="2"/>
      <c r="L23" s="2" t="s">
        <v>131</v>
      </c>
    </row>
    <row r="24" spans="1:12" ht="15.2" customHeight="1">
      <c r="A24" s="2" t="s">
        <v>13</v>
      </c>
      <c r="B24" s="2" t="s">
        <v>132</v>
      </c>
      <c r="C24" s="2"/>
      <c r="D24" s="2" t="s">
        <v>133</v>
      </c>
      <c r="E24" s="2" t="s">
        <v>51</v>
      </c>
      <c r="F24" s="2" t="s">
        <v>134</v>
      </c>
      <c r="G24" s="3">
        <v>2</v>
      </c>
      <c r="H24" s="2" t="s">
        <v>36</v>
      </c>
      <c r="I24" s="3">
        <v>2020</v>
      </c>
      <c r="J24" s="2" t="s">
        <v>53</v>
      </c>
      <c r="K24" s="2"/>
      <c r="L24" s="2" t="s">
        <v>135</v>
      </c>
    </row>
    <row r="25" spans="1:12" ht="15.2" customHeight="1">
      <c r="A25" s="2" t="s">
        <v>13</v>
      </c>
      <c r="B25" s="2" t="s">
        <v>136</v>
      </c>
      <c r="C25" s="2"/>
      <c r="D25" s="2" t="s">
        <v>137</v>
      </c>
      <c r="E25" s="2" t="s">
        <v>51</v>
      </c>
      <c r="F25" s="2" t="s">
        <v>138</v>
      </c>
      <c r="G25" s="3">
        <v>7</v>
      </c>
      <c r="H25" s="2" t="s">
        <v>36</v>
      </c>
      <c r="I25" s="3">
        <v>2020</v>
      </c>
      <c r="J25" s="2" t="s">
        <v>53</v>
      </c>
      <c r="K25" s="2"/>
      <c r="L25" s="2" t="s">
        <v>139</v>
      </c>
    </row>
    <row r="26" spans="1:12" ht="15.2" customHeight="1">
      <c r="A26" s="2" t="s">
        <v>13</v>
      </c>
      <c r="B26" s="2" t="s">
        <v>140</v>
      </c>
      <c r="C26" s="2" t="s">
        <v>141</v>
      </c>
      <c r="D26" s="2" t="s">
        <v>142</v>
      </c>
      <c r="E26" s="2" t="s">
        <v>51</v>
      </c>
      <c r="F26" s="2" t="s">
        <v>143</v>
      </c>
      <c r="G26" s="3">
        <v>1</v>
      </c>
      <c r="H26" s="2" t="s">
        <v>70</v>
      </c>
      <c r="I26" s="3">
        <v>2018</v>
      </c>
      <c r="J26" s="2" t="s">
        <v>76</v>
      </c>
      <c r="K26" s="2"/>
      <c r="L26" s="2" t="s">
        <v>144</v>
      </c>
    </row>
    <row r="27" spans="1:12" ht="15.2" customHeight="1">
      <c r="A27" s="2" t="s">
        <v>13</v>
      </c>
      <c r="B27" s="2" t="s">
        <v>145</v>
      </c>
      <c r="C27" s="2" t="s">
        <v>146</v>
      </c>
      <c r="D27" s="2" t="s">
        <v>147</v>
      </c>
      <c r="E27" s="2" t="s">
        <v>51</v>
      </c>
      <c r="F27" s="2" t="s">
        <v>148</v>
      </c>
      <c r="G27" s="3">
        <v>2</v>
      </c>
      <c r="H27" s="2" t="s">
        <v>70</v>
      </c>
      <c r="I27" s="3">
        <v>2018</v>
      </c>
      <c r="J27" s="2" t="s">
        <v>76</v>
      </c>
      <c r="K27" s="2"/>
      <c r="L27" s="2" t="s">
        <v>149</v>
      </c>
    </row>
    <row r="28" spans="1:12" ht="15.2" customHeight="1">
      <c r="A28" s="2" t="s">
        <v>13</v>
      </c>
      <c r="B28" s="2" t="s">
        <v>150</v>
      </c>
      <c r="C28" s="2" t="s">
        <v>49</v>
      </c>
      <c r="D28" s="2" t="s">
        <v>50</v>
      </c>
      <c r="E28" s="2" t="s">
        <v>51</v>
      </c>
      <c r="F28" s="2" t="s">
        <v>52</v>
      </c>
      <c r="G28" s="3">
        <v>8</v>
      </c>
      <c r="H28" s="2" t="s">
        <v>36</v>
      </c>
      <c r="I28" s="3">
        <v>2019</v>
      </c>
      <c r="J28" s="2" t="s">
        <v>53</v>
      </c>
      <c r="K28" s="2"/>
      <c r="L28" s="2" t="s">
        <v>54</v>
      </c>
    </row>
    <row r="29" spans="1:12" ht="15.2" customHeight="1">
      <c r="A29" s="2" t="s">
        <v>13</v>
      </c>
      <c r="B29" s="2" t="s">
        <v>151</v>
      </c>
      <c r="C29" s="2" t="s">
        <v>56</v>
      </c>
      <c r="D29" s="2" t="s">
        <v>57</v>
      </c>
      <c r="E29" s="2" t="s">
        <v>51</v>
      </c>
      <c r="F29" s="2" t="s">
        <v>58</v>
      </c>
      <c r="G29" s="3">
        <v>9</v>
      </c>
      <c r="H29" s="2" t="s">
        <v>36</v>
      </c>
      <c r="I29" s="3">
        <v>2019</v>
      </c>
      <c r="J29" s="2" t="s">
        <v>53</v>
      </c>
      <c r="K29" s="2"/>
      <c r="L29" s="2" t="s">
        <v>59</v>
      </c>
    </row>
    <row r="30" spans="1:12" ht="15.2" customHeight="1">
      <c r="A30" s="2" t="s">
        <v>13</v>
      </c>
      <c r="B30" s="2" t="s">
        <v>152</v>
      </c>
      <c r="C30" s="2" t="s">
        <v>61</v>
      </c>
      <c r="D30" s="2" t="s">
        <v>62</v>
      </c>
      <c r="E30" s="2" t="s">
        <v>51</v>
      </c>
      <c r="F30" s="2" t="s">
        <v>63</v>
      </c>
      <c r="G30" s="3">
        <v>10</v>
      </c>
      <c r="H30" s="2" t="s">
        <v>36</v>
      </c>
      <c r="I30" s="3">
        <v>2019</v>
      </c>
      <c r="J30" s="2" t="s">
        <v>53</v>
      </c>
      <c r="K30" s="2"/>
      <c r="L30" s="2" t="s">
        <v>64</v>
      </c>
    </row>
    <row r="31" spans="1:12" ht="15.2" customHeight="1">
      <c r="A31" s="2" t="s">
        <v>13</v>
      </c>
      <c r="B31" s="2" t="s">
        <v>153</v>
      </c>
      <c r="C31" s="2" t="s">
        <v>66</v>
      </c>
      <c r="D31" s="2" t="s">
        <v>67</v>
      </c>
      <c r="E31" s="2" t="s">
        <v>68</v>
      </c>
      <c r="F31" s="2" t="s">
        <v>69</v>
      </c>
      <c r="G31" s="3">
        <v>3</v>
      </c>
      <c r="H31" s="2" t="s">
        <v>70</v>
      </c>
      <c r="I31" s="3">
        <v>2010</v>
      </c>
      <c r="J31" s="2" t="s">
        <v>53</v>
      </c>
      <c r="K31" s="2"/>
      <c r="L31" s="2" t="s">
        <v>71</v>
      </c>
    </row>
    <row r="32" spans="1:12" ht="15.2" customHeight="1">
      <c r="A32" s="2" t="s">
        <v>13</v>
      </c>
      <c r="B32" s="2" t="s">
        <v>154</v>
      </c>
      <c r="C32" s="2" t="s">
        <v>22</v>
      </c>
      <c r="D32" s="2" t="s">
        <v>23</v>
      </c>
      <c r="E32" s="2" t="s">
        <v>24</v>
      </c>
      <c r="F32" s="2" t="s">
        <v>25</v>
      </c>
      <c r="G32" s="3">
        <v>1</v>
      </c>
      <c r="H32" s="2" t="s">
        <v>18</v>
      </c>
      <c r="I32" s="3">
        <v>2015</v>
      </c>
      <c r="J32" s="2" t="s">
        <v>19</v>
      </c>
      <c r="K32" s="2"/>
      <c r="L32" s="2" t="s">
        <v>26</v>
      </c>
    </row>
    <row r="33" spans="1:12" ht="15.2" customHeight="1">
      <c r="A33" s="2" t="s">
        <v>13</v>
      </c>
      <c r="B33" s="2" t="s">
        <v>155</v>
      </c>
      <c r="C33" s="2" t="s">
        <v>28</v>
      </c>
      <c r="D33" s="2" t="s">
        <v>23</v>
      </c>
      <c r="E33" s="2" t="s">
        <v>24</v>
      </c>
      <c r="F33" s="2" t="s">
        <v>29</v>
      </c>
      <c r="G33" s="3">
        <v>12</v>
      </c>
      <c r="H33" s="2" t="s">
        <v>18</v>
      </c>
      <c r="I33" s="3">
        <v>2015</v>
      </c>
      <c r="J33" s="2" t="s">
        <v>19</v>
      </c>
      <c r="K33" s="2"/>
      <c r="L33" s="2" t="s">
        <v>30</v>
      </c>
    </row>
    <row r="34" spans="1:12" ht="15.2" customHeight="1">
      <c r="A34" s="2" t="s">
        <v>13</v>
      </c>
      <c r="B34" s="2" t="s">
        <v>156</v>
      </c>
      <c r="C34" s="2"/>
      <c r="D34" s="2" t="s">
        <v>157</v>
      </c>
      <c r="E34" s="2" t="s">
        <v>158</v>
      </c>
      <c r="F34" s="2" t="s">
        <v>159</v>
      </c>
      <c r="G34" s="3">
        <v>1</v>
      </c>
      <c r="H34" s="2" t="s">
        <v>36</v>
      </c>
      <c r="I34" s="3">
        <v>2020</v>
      </c>
      <c r="J34" s="2" t="s">
        <v>19</v>
      </c>
      <c r="K34" s="2"/>
      <c r="L34" s="2" t="s">
        <v>160</v>
      </c>
    </row>
    <row r="35" spans="1:12" ht="15.2" customHeight="1">
      <c r="A35" s="2" t="s">
        <v>13</v>
      </c>
      <c r="B35" s="2" t="s">
        <v>161</v>
      </c>
      <c r="C35" s="2"/>
      <c r="D35" s="2" t="s">
        <v>162</v>
      </c>
      <c r="E35" s="2" t="s">
        <v>158</v>
      </c>
      <c r="F35" s="2" t="s">
        <v>163</v>
      </c>
      <c r="G35" s="3">
        <v>2</v>
      </c>
      <c r="H35" s="2" t="s">
        <v>36</v>
      </c>
      <c r="I35" s="3">
        <v>2020</v>
      </c>
      <c r="J35" s="2" t="s">
        <v>19</v>
      </c>
      <c r="K35" s="2"/>
      <c r="L35" s="2" t="s">
        <v>164</v>
      </c>
    </row>
    <row r="36" spans="1:12" ht="15.2" customHeight="1">
      <c r="A36" s="2" t="s">
        <v>13</v>
      </c>
      <c r="B36" s="2" t="s">
        <v>165</v>
      </c>
      <c r="C36" s="2"/>
      <c r="D36" s="2" t="s">
        <v>73</v>
      </c>
      <c r="E36" s="2" t="s">
        <v>74</v>
      </c>
      <c r="F36" s="2" t="s">
        <v>75</v>
      </c>
      <c r="G36" s="3">
        <v>5</v>
      </c>
      <c r="H36" s="2" t="s">
        <v>36</v>
      </c>
      <c r="I36" s="3">
        <v>2020</v>
      </c>
      <c r="J36" s="2" t="s">
        <v>76</v>
      </c>
      <c r="K36" s="2"/>
      <c r="L36" s="2" t="s">
        <v>77</v>
      </c>
    </row>
    <row r="37" spans="1:12" ht="15.2" customHeight="1">
      <c r="A37" s="2" t="s">
        <v>166</v>
      </c>
      <c r="B37" s="2" t="s">
        <v>14</v>
      </c>
      <c r="C37" s="2" t="s">
        <v>167</v>
      </c>
      <c r="D37" s="2" t="s">
        <v>16</v>
      </c>
      <c r="E37" s="2" t="s">
        <v>16</v>
      </c>
      <c r="F37" s="2" t="s">
        <v>168</v>
      </c>
      <c r="G37" s="3">
        <v>17</v>
      </c>
      <c r="H37" s="2" t="s">
        <v>18</v>
      </c>
      <c r="I37" s="3">
        <v>2015</v>
      </c>
      <c r="J37" s="2" t="s">
        <v>19</v>
      </c>
      <c r="K37" s="2"/>
      <c r="L37" s="2" t="s">
        <v>169</v>
      </c>
    </row>
    <row r="38" spans="1:12" ht="15.2" customHeight="1">
      <c r="A38" s="2" t="s">
        <v>166</v>
      </c>
      <c r="B38" s="2" t="s">
        <v>21</v>
      </c>
      <c r="C38" s="2" t="s">
        <v>170</v>
      </c>
      <c r="D38" s="2" t="s">
        <v>23</v>
      </c>
      <c r="E38" s="2" t="s">
        <v>24</v>
      </c>
      <c r="F38" s="2" t="s">
        <v>171</v>
      </c>
      <c r="G38" s="3">
        <v>3</v>
      </c>
      <c r="H38" s="2" t="s">
        <v>18</v>
      </c>
      <c r="I38" s="3">
        <v>2015</v>
      </c>
      <c r="J38" s="2" t="s">
        <v>19</v>
      </c>
      <c r="K38" s="2"/>
      <c r="L38" s="2" t="s">
        <v>172</v>
      </c>
    </row>
    <row r="39" spans="1:12" ht="15.2" customHeight="1">
      <c r="A39" s="2" t="s">
        <v>166</v>
      </c>
      <c r="B39" s="2" t="s">
        <v>27</v>
      </c>
      <c r="C39" s="2" t="s">
        <v>173</v>
      </c>
      <c r="D39" s="2" t="s">
        <v>23</v>
      </c>
      <c r="E39" s="2" t="s">
        <v>24</v>
      </c>
      <c r="F39" s="2" t="s">
        <v>174</v>
      </c>
      <c r="G39" s="3">
        <v>5</v>
      </c>
      <c r="H39" s="2" t="s">
        <v>18</v>
      </c>
      <c r="I39" s="3">
        <v>2015</v>
      </c>
      <c r="J39" s="2" t="s">
        <v>19</v>
      </c>
      <c r="K39" s="2"/>
      <c r="L39" s="2" t="s">
        <v>175</v>
      </c>
    </row>
    <row r="40" spans="1:12" ht="15.2" customHeight="1">
      <c r="A40" s="2" t="s">
        <v>166</v>
      </c>
      <c r="B40" s="2" t="s">
        <v>31</v>
      </c>
      <c r="C40" s="2" t="s">
        <v>176</v>
      </c>
      <c r="D40" s="2" t="s">
        <v>177</v>
      </c>
      <c r="E40" s="2" t="s">
        <v>178</v>
      </c>
      <c r="F40" s="2" t="s">
        <v>179</v>
      </c>
      <c r="G40" s="3">
        <v>4</v>
      </c>
      <c r="H40" s="2" t="s">
        <v>70</v>
      </c>
      <c r="I40" s="3">
        <v>2015</v>
      </c>
      <c r="J40" s="2" t="s">
        <v>19</v>
      </c>
      <c r="K40" s="2"/>
      <c r="L40" s="2" t="s">
        <v>180</v>
      </c>
    </row>
    <row r="41" spans="1:12" ht="15.2" customHeight="1">
      <c r="A41" s="2" t="s">
        <v>166</v>
      </c>
      <c r="B41" s="2" t="s">
        <v>38</v>
      </c>
      <c r="C41" s="2" t="s">
        <v>181</v>
      </c>
      <c r="D41" s="2" t="s">
        <v>182</v>
      </c>
      <c r="E41" s="2" t="s">
        <v>178</v>
      </c>
      <c r="F41" s="2" t="s">
        <v>183</v>
      </c>
      <c r="G41" s="3">
        <v>5</v>
      </c>
      <c r="H41" s="2" t="s">
        <v>70</v>
      </c>
      <c r="I41" s="3">
        <v>2015</v>
      </c>
      <c r="J41" s="2" t="s">
        <v>19</v>
      </c>
      <c r="K41" s="2"/>
      <c r="L41" s="2" t="s">
        <v>184</v>
      </c>
    </row>
    <row r="42" spans="1:12" ht="15.2" customHeight="1">
      <c r="A42" s="2" t="s">
        <v>166</v>
      </c>
      <c r="B42" s="2" t="s">
        <v>43</v>
      </c>
      <c r="C42" s="2" t="s">
        <v>185</v>
      </c>
      <c r="D42" s="2" t="s">
        <v>186</v>
      </c>
      <c r="E42" s="2" t="s">
        <v>178</v>
      </c>
      <c r="F42" s="2" t="s">
        <v>187</v>
      </c>
      <c r="G42" s="3">
        <v>6</v>
      </c>
      <c r="H42" s="2" t="s">
        <v>70</v>
      </c>
      <c r="I42" s="3">
        <v>2015</v>
      </c>
      <c r="J42" s="2" t="s">
        <v>19</v>
      </c>
      <c r="K42" s="2"/>
      <c r="L42" s="2" t="s">
        <v>188</v>
      </c>
    </row>
    <row r="43" spans="1:12" ht="15.2" customHeight="1">
      <c r="A43" s="2" t="s">
        <v>166</v>
      </c>
      <c r="B43" s="2" t="s">
        <v>48</v>
      </c>
      <c r="C43" s="2"/>
      <c r="D43" s="2" t="s">
        <v>189</v>
      </c>
      <c r="E43" s="2" t="s">
        <v>190</v>
      </c>
      <c r="F43" s="2" t="s">
        <v>191</v>
      </c>
      <c r="G43" s="3">
        <v>4</v>
      </c>
      <c r="H43" s="2" t="s">
        <v>36</v>
      </c>
      <c r="I43" s="3">
        <v>2020</v>
      </c>
      <c r="J43" s="2" t="s">
        <v>19</v>
      </c>
      <c r="K43" s="2"/>
      <c r="L43" s="2" t="s">
        <v>192</v>
      </c>
    </row>
    <row r="44" spans="1:12" ht="15.2" customHeight="1">
      <c r="A44" s="2" t="s">
        <v>166</v>
      </c>
      <c r="B44" s="2" t="s">
        <v>55</v>
      </c>
      <c r="C44" s="2"/>
      <c r="D44" s="2" t="s">
        <v>193</v>
      </c>
      <c r="E44" s="2" t="s">
        <v>190</v>
      </c>
      <c r="F44" s="2" t="s">
        <v>194</v>
      </c>
      <c r="G44" s="3">
        <v>6</v>
      </c>
      <c r="H44" s="2" t="s">
        <v>36</v>
      </c>
      <c r="I44" s="3">
        <v>2020</v>
      </c>
      <c r="J44" s="2" t="s">
        <v>19</v>
      </c>
      <c r="K44" s="2"/>
      <c r="L44" s="2" t="s">
        <v>195</v>
      </c>
    </row>
    <row r="45" spans="1:12" ht="15.2" customHeight="1">
      <c r="A45" s="2" t="s">
        <v>166</v>
      </c>
      <c r="B45" s="2" t="s">
        <v>60</v>
      </c>
      <c r="C45" s="2" t="s">
        <v>196</v>
      </c>
      <c r="D45" s="2" t="s">
        <v>197</v>
      </c>
      <c r="E45" s="2" t="s">
        <v>198</v>
      </c>
      <c r="F45" s="2" t="s">
        <v>199</v>
      </c>
      <c r="G45" s="3">
        <v>2</v>
      </c>
      <c r="H45" s="2" t="s">
        <v>36</v>
      </c>
      <c r="I45" s="3">
        <v>2020</v>
      </c>
      <c r="J45" s="2" t="s">
        <v>19</v>
      </c>
      <c r="K45" s="2"/>
      <c r="L45" s="2" t="s">
        <v>200</v>
      </c>
    </row>
    <row r="46" spans="1:12" ht="15.2" customHeight="1">
      <c r="A46" s="2" t="s">
        <v>166</v>
      </c>
      <c r="B46" s="2" t="s">
        <v>65</v>
      </c>
      <c r="C46" s="2" t="s">
        <v>201</v>
      </c>
      <c r="D46" s="2" t="s">
        <v>202</v>
      </c>
      <c r="E46" s="2" t="s">
        <v>203</v>
      </c>
      <c r="F46" s="2" t="s">
        <v>203</v>
      </c>
      <c r="G46" s="3">
        <v>1</v>
      </c>
      <c r="H46" s="2" t="s">
        <v>36</v>
      </c>
      <c r="I46" s="3">
        <v>2019</v>
      </c>
      <c r="J46" s="2" t="s">
        <v>76</v>
      </c>
      <c r="K46" s="2"/>
      <c r="L46" s="2" t="s">
        <v>204</v>
      </c>
    </row>
    <row r="47" spans="1:12" ht="15.2" customHeight="1">
      <c r="A47" s="2" t="s">
        <v>166</v>
      </c>
      <c r="B47" s="2" t="s">
        <v>72</v>
      </c>
      <c r="C47" s="2"/>
      <c r="D47" s="2" t="s">
        <v>157</v>
      </c>
      <c r="E47" s="2" t="s">
        <v>158</v>
      </c>
      <c r="F47" s="2" t="s">
        <v>159</v>
      </c>
      <c r="G47" s="3">
        <v>1</v>
      </c>
      <c r="H47" s="2" t="s">
        <v>36</v>
      </c>
      <c r="I47" s="3">
        <v>2020</v>
      </c>
      <c r="J47" s="2" t="s">
        <v>19</v>
      </c>
      <c r="K47" s="2"/>
      <c r="L47" s="2" t="s">
        <v>160</v>
      </c>
    </row>
    <row r="48" spans="1:12" ht="15.2" customHeight="1">
      <c r="A48" s="2" t="s">
        <v>166</v>
      </c>
      <c r="B48" s="2" t="s">
        <v>78</v>
      </c>
      <c r="C48" s="2"/>
      <c r="D48" s="2" t="s">
        <v>162</v>
      </c>
      <c r="E48" s="2" t="s">
        <v>158</v>
      </c>
      <c r="F48" s="2" t="s">
        <v>163</v>
      </c>
      <c r="G48" s="3">
        <v>2</v>
      </c>
      <c r="H48" s="2" t="s">
        <v>36</v>
      </c>
      <c r="I48" s="3">
        <v>2020</v>
      </c>
      <c r="J48" s="2" t="s">
        <v>19</v>
      </c>
      <c r="K48" s="2"/>
      <c r="L48" s="2" t="s">
        <v>164</v>
      </c>
    </row>
    <row r="49" spans="1:12" ht="15.2" customHeight="1">
      <c r="A49" s="2" t="s">
        <v>166</v>
      </c>
      <c r="B49" s="2" t="s">
        <v>82</v>
      </c>
      <c r="C49" s="2" t="s">
        <v>205</v>
      </c>
      <c r="D49" s="2" t="s">
        <v>206</v>
      </c>
      <c r="E49" s="2" t="s">
        <v>207</v>
      </c>
      <c r="F49" s="2" t="s">
        <v>208</v>
      </c>
      <c r="G49" s="3">
        <v>1</v>
      </c>
      <c r="H49" s="2" t="s">
        <v>209</v>
      </c>
      <c r="I49" s="3">
        <v>2018</v>
      </c>
      <c r="J49" s="2" t="s">
        <v>76</v>
      </c>
      <c r="K49" s="2"/>
      <c r="L49" s="2" t="s">
        <v>210</v>
      </c>
    </row>
    <row r="50" spans="1:12" ht="15.2" customHeight="1">
      <c r="A50" s="2" t="s">
        <v>166</v>
      </c>
      <c r="B50" s="2" t="s">
        <v>93</v>
      </c>
      <c r="C50" s="2"/>
      <c r="D50" s="2" t="s">
        <v>211</v>
      </c>
      <c r="E50" s="2" t="s">
        <v>212</v>
      </c>
      <c r="F50" s="2" t="s">
        <v>213</v>
      </c>
      <c r="G50" s="3">
        <v>16</v>
      </c>
      <c r="H50" s="2" t="s">
        <v>36</v>
      </c>
      <c r="I50" s="3">
        <v>2020</v>
      </c>
      <c r="J50" s="2" t="s">
        <v>76</v>
      </c>
      <c r="K50" s="2"/>
      <c r="L50" s="2" t="s">
        <v>214</v>
      </c>
    </row>
    <row r="51" spans="1:12" ht="15.2" customHeight="1">
      <c r="A51" s="2" t="s">
        <v>166</v>
      </c>
      <c r="B51" s="2" t="s">
        <v>105</v>
      </c>
      <c r="C51" s="2"/>
      <c r="D51" s="2" t="s">
        <v>215</v>
      </c>
      <c r="E51" s="2" t="s">
        <v>212</v>
      </c>
      <c r="F51" s="2" t="s">
        <v>216</v>
      </c>
      <c r="G51" s="3">
        <v>17</v>
      </c>
      <c r="H51" s="2" t="s">
        <v>217</v>
      </c>
      <c r="I51" s="3">
        <v>2020</v>
      </c>
      <c r="J51" s="2" t="s">
        <v>76</v>
      </c>
      <c r="K51" s="2"/>
      <c r="L51" s="2" t="s">
        <v>218</v>
      </c>
    </row>
    <row r="52" spans="1:12" ht="15.2" customHeight="1">
      <c r="A52" s="2" t="s">
        <v>166</v>
      </c>
      <c r="B52" s="2" t="s">
        <v>115</v>
      </c>
      <c r="C52" s="2"/>
      <c r="D52" s="2" t="s">
        <v>219</v>
      </c>
      <c r="E52" s="2" t="s">
        <v>212</v>
      </c>
      <c r="F52" s="2" t="s">
        <v>220</v>
      </c>
      <c r="G52" s="3">
        <v>1</v>
      </c>
      <c r="H52" s="2" t="s">
        <v>217</v>
      </c>
      <c r="I52" s="3">
        <v>2020</v>
      </c>
      <c r="J52" s="2" t="s">
        <v>76</v>
      </c>
      <c r="K52" s="2"/>
      <c r="L52" s="2" t="s">
        <v>221</v>
      </c>
    </row>
    <row r="53" spans="1:12" ht="15.2" customHeight="1">
      <c r="A53" s="2" t="s">
        <v>166</v>
      </c>
      <c r="B53" s="2" t="s">
        <v>132</v>
      </c>
      <c r="C53" s="2"/>
      <c r="D53" s="2" t="s">
        <v>222</v>
      </c>
      <c r="E53" s="2" t="s">
        <v>190</v>
      </c>
      <c r="F53" s="2" t="s">
        <v>223</v>
      </c>
      <c r="G53" s="3">
        <v>2</v>
      </c>
      <c r="H53" s="2" t="s">
        <v>36</v>
      </c>
      <c r="I53" s="3">
        <v>2020</v>
      </c>
      <c r="J53" s="2" t="s">
        <v>19</v>
      </c>
      <c r="K53" s="2"/>
      <c r="L53" s="2" t="s">
        <v>224</v>
      </c>
    </row>
    <row r="54" spans="1:12" ht="15.2" customHeight="1">
      <c r="A54" s="2" t="s">
        <v>166</v>
      </c>
      <c r="B54" s="2" t="s">
        <v>136</v>
      </c>
      <c r="C54" s="2"/>
      <c r="D54" s="2" t="s">
        <v>225</v>
      </c>
      <c r="E54" s="2" t="s">
        <v>190</v>
      </c>
      <c r="F54" s="2" t="s">
        <v>226</v>
      </c>
      <c r="G54" s="3">
        <v>5</v>
      </c>
      <c r="H54" s="2" t="s">
        <v>36</v>
      </c>
      <c r="I54" s="3">
        <v>2020</v>
      </c>
      <c r="J54" s="2" t="s">
        <v>19</v>
      </c>
      <c r="K54" s="2"/>
      <c r="L54" s="2" t="s">
        <v>227</v>
      </c>
    </row>
    <row r="55" spans="1:12" ht="15.2" customHeight="1">
      <c r="A55" s="2" t="s">
        <v>166</v>
      </c>
      <c r="B55" s="2" t="s">
        <v>140</v>
      </c>
      <c r="C55" s="2" t="s">
        <v>228</v>
      </c>
      <c r="D55" s="2" t="s">
        <v>229</v>
      </c>
      <c r="E55" s="2" t="s">
        <v>198</v>
      </c>
      <c r="F55" s="2" t="s">
        <v>230</v>
      </c>
      <c r="G55" s="3">
        <v>3</v>
      </c>
      <c r="H55" s="2" t="s">
        <v>36</v>
      </c>
      <c r="I55" s="3">
        <v>2020</v>
      </c>
      <c r="J55" s="2" t="s">
        <v>19</v>
      </c>
      <c r="K55" s="2"/>
      <c r="L55" s="2" t="s">
        <v>231</v>
      </c>
    </row>
    <row r="56" spans="1:12" ht="15.2" customHeight="1">
      <c r="A56" s="2" t="s">
        <v>166</v>
      </c>
      <c r="B56" s="2" t="s">
        <v>145</v>
      </c>
      <c r="C56" s="2" t="s">
        <v>232</v>
      </c>
      <c r="D56" s="2" t="s">
        <v>233</v>
      </c>
      <c r="E56" s="2" t="s">
        <v>234</v>
      </c>
      <c r="F56" s="2" t="s">
        <v>235</v>
      </c>
      <c r="G56" s="3">
        <v>1</v>
      </c>
      <c r="H56" s="2" t="s">
        <v>70</v>
      </c>
      <c r="I56" s="3">
        <v>2014</v>
      </c>
      <c r="J56" s="2" t="s">
        <v>76</v>
      </c>
      <c r="K56" s="2"/>
      <c r="L56" s="2" t="s">
        <v>236</v>
      </c>
    </row>
    <row r="57" spans="1:12" ht="15.2" customHeight="1">
      <c r="A57" s="2" t="s">
        <v>166</v>
      </c>
      <c r="B57" s="2" t="s">
        <v>150</v>
      </c>
      <c r="C57" s="2"/>
      <c r="D57" s="2" t="s">
        <v>189</v>
      </c>
      <c r="E57" s="2" t="s">
        <v>190</v>
      </c>
      <c r="F57" s="2" t="s">
        <v>191</v>
      </c>
      <c r="G57" s="3">
        <v>4</v>
      </c>
      <c r="H57" s="2" t="s">
        <v>36</v>
      </c>
      <c r="I57" s="3">
        <v>2020</v>
      </c>
      <c r="J57" s="2" t="s">
        <v>19</v>
      </c>
      <c r="K57" s="2"/>
      <c r="L57" s="2" t="s">
        <v>192</v>
      </c>
    </row>
    <row r="58" spans="1:12" ht="15.2" customHeight="1">
      <c r="A58" s="2" t="s">
        <v>166</v>
      </c>
      <c r="B58" s="2" t="s">
        <v>151</v>
      </c>
      <c r="C58" s="2"/>
      <c r="D58" s="2" t="s">
        <v>193</v>
      </c>
      <c r="E58" s="2" t="s">
        <v>190</v>
      </c>
      <c r="F58" s="2" t="s">
        <v>194</v>
      </c>
      <c r="G58" s="3">
        <v>6</v>
      </c>
      <c r="H58" s="2" t="s">
        <v>36</v>
      </c>
      <c r="I58" s="3">
        <v>2020</v>
      </c>
      <c r="J58" s="2" t="s">
        <v>19</v>
      </c>
      <c r="K58" s="2"/>
      <c r="L58" s="2" t="s">
        <v>195</v>
      </c>
    </row>
    <row r="59" spans="1:12" ht="15.2" customHeight="1">
      <c r="A59" s="2" t="s">
        <v>166</v>
      </c>
      <c r="B59" s="2" t="s">
        <v>152</v>
      </c>
      <c r="C59" s="2" t="s">
        <v>196</v>
      </c>
      <c r="D59" s="2" t="s">
        <v>197</v>
      </c>
      <c r="E59" s="2" t="s">
        <v>198</v>
      </c>
      <c r="F59" s="2" t="s">
        <v>199</v>
      </c>
      <c r="G59" s="3">
        <v>2</v>
      </c>
      <c r="H59" s="2" t="s">
        <v>36</v>
      </c>
      <c r="I59" s="3">
        <v>2020</v>
      </c>
      <c r="J59" s="2" t="s">
        <v>19</v>
      </c>
      <c r="K59" s="2"/>
      <c r="L59" s="2" t="s">
        <v>200</v>
      </c>
    </row>
    <row r="60" spans="1:12" ht="15.2" customHeight="1">
      <c r="A60" s="2" t="s">
        <v>166</v>
      </c>
      <c r="B60" s="2" t="s">
        <v>153</v>
      </c>
      <c r="C60" s="2" t="s">
        <v>201</v>
      </c>
      <c r="D60" s="2" t="s">
        <v>202</v>
      </c>
      <c r="E60" s="2" t="s">
        <v>203</v>
      </c>
      <c r="F60" s="2" t="s">
        <v>203</v>
      </c>
      <c r="G60" s="3">
        <v>1</v>
      </c>
      <c r="H60" s="2" t="s">
        <v>36</v>
      </c>
      <c r="I60" s="3">
        <v>2019</v>
      </c>
      <c r="J60" s="2" t="s">
        <v>76</v>
      </c>
      <c r="K60" s="2"/>
      <c r="L60" s="2" t="s">
        <v>204</v>
      </c>
    </row>
    <row r="61" spans="1:12" ht="15.2" customHeight="1">
      <c r="A61" s="2" t="s">
        <v>166</v>
      </c>
      <c r="B61" s="2" t="s">
        <v>154</v>
      </c>
      <c r="C61" s="2" t="s">
        <v>170</v>
      </c>
      <c r="D61" s="2" t="s">
        <v>23</v>
      </c>
      <c r="E61" s="2" t="s">
        <v>24</v>
      </c>
      <c r="F61" s="2" t="s">
        <v>171</v>
      </c>
      <c r="G61" s="3">
        <v>3</v>
      </c>
      <c r="H61" s="2" t="s">
        <v>18</v>
      </c>
      <c r="I61" s="3">
        <v>2015</v>
      </c>
      <c r="J61" s="2" t="s">
        <v>19</v>
      </c>
      <c r="K61" s="2"/>
      <c r="L61" s="2" t="s">
        <v>172</v>
      </c>
    </row>
    <row r="62" spans="1:12" ht="15.2" customHeight="1">
      <c r="A62" s="2" t="s">
        <v>166</v>
      </c>
      <c r="B62" s="2" t="s">
        <v>155</v>
      </c>
      <c r="C62" s="2" t="s">
        <v>173</v>
      </c>
      <c r="D62" s="2" t="s">
        <v>23</v>
      </c>
      <c r="E62" s="2" t="s">
        <v>24</v>
      </c>
      <c r="F62" s="2" t="s">
        <v>174</v>
      </c>
      <c r="G62" s="3">
        <v>5</v>
      </c>
      <c r="H62" s="2" t="s">
        <v>18</v>
      </c>
      <c r="I62" s="3">
        <v>2015</v>
      </c>
      <c r="J62" s="2" t="s">
        <v>19</v>
      </c>
      <c r="K62" s="2"/>
      <c r="L62" s="2" t="s">
        <v>175</v>
      </c>
    </row>
    <row r="63" spans="1:12" ht="15.2" customHeight="1">
      <c r="A63" s="2" t="s">
        <v>166</v>
      </c>
      <c r="B63" s="2" t="s">
        <v>156</v>
      </c>
      <c r="C63" s="2"/>
      <c r="D63" s="2" t="s">
        <v>133</v>
      </c>
      <c r="E63" s="2" t="s">
        <v>51</v>
      </c>
      <c r="F63" s="2" t="s">
        <v>134</v>
      </c>
      <c r="G63" s="3">
        <v>2</v>
      </c>
      <c r="H63" s="2" t="s">
        <v>36</v>
      </c>
      <c r="I63" s="3">
        <v>2020</v>
      </c>
      <c r="J63" s="2" t="s">
        <v>53</v>
      </c>
      <c r="K63" s="2"/>
      <c r="L63" s="2" t="s">
        <v>135</v>
      </c>
    </row>
    <row r="64" spans="1:12" ht="15.2" customHeight="1">
      <c r="A64" s="2" t="s">
        <v>166</v>
      </c>
      <c r="B64" s="2" t="s">
        <v>161</v>
      </c>
      <c r="C64" s="2"/>
      <c r="D64" s="2" t="s">
        <v>137</v>
      </c>
      <c r="E64" s="2" t="s">
        <v>51</v>
      </c>
      <c r="F64" s="2" t="s">
        <v>138</v>
      </c>
      <c r="G64" s="3">
        <v>7</v>
      </c>
      <c r="H64" s="2" t="s">
        <v>36</v>
      </c>
      <c r="I64" s="3">
        <v>2020</v>
      </c>
      <c r="J64" s="2" t="s">
        <v>53</v>
      </c>
      <c r="K64" s="2"/>
      <c r="L64" s="2" t="s">
        <v>139</v>
      </c>
    </row>
    <row r="65" spans="1:12" ht="15.2" customHeight="1">
      <c r="A65" s="2" t="s">
        <v>166</v>
      </c>
      <c r="B65" s="2" t="s">
        <v>165</v>
      </c>
      <c r="C65" s="2" t="s">
        <v>83</v>
      </c>
      <c r="D65" s="2" t="s">
        <v>84</v>
      </c>
      <c r="E65" s="2" t="s">
        <v>85</v>
      </c>
      <c r="F65" s="2" t="s">
        <v>86</v>
      </c>
      <c r="G65" s="3">
        <v>5</v>
      </c>
      <c r="H65" s="2" t="s">
        <v>70</v>
      </c>
      <c r="I65" s="3">
        <v>2014</v>
      </c>
      <c r="J65" s="2" t="s">
        <v>19</v>
      </c>
      <c r="K65" s="2"/>
      <c r="L65" s="2" t="s">
        <v>87</v>
      </c>
    </row>
    <row r="66" spans="1:12" ht="15.2" customHeight="1">
      <c r="A66" s="2" t="s">
        <v>237</v>
      </c>
      <c r="B66" s="2" t="s">
        <v>14</v>
      </c>
      <c r="C66" s="2" t="s">
        <v>238</v>
      </c>
      <c r="D66" s="2" t="s">
        <v>16</v>
      </c>
      <c r="E66" s="2" t="s">
        <v>16</v>
      </c>
      <c r="F66" s="2" t="s">
        <v>239</v>
      </c>
      <c r="G66" s="3">
        <v>18</v>
      </c>
      <c r="H66" s="2" t="s">
        <v>18</v>
      </c>
      <c r="I66" s="3">
        <v>2015</v>
      </c>
      <c r="J66" s="2" t="s">
        <v>19</v>
      </c>
      <c r="K66" s="2"/>
      <c r="L66" s="2" t="s">
        <v>240</v>
      </c>
    </row>
    <row r="67" spans="1:12" ht="15.2" customHeight="1">
      <c r="A67" s="2" t="s">
        <v>237</v>
      </c>
      <c r="B67" s="2" t="s">
        <v>21</v>
      </c>
      <c r="C67" s="2" t="s">
        <v>241</v>
      </c>
      <c r="D67" s="2" t="s">
        <v>242</v>
      </c>
      <c r="E67" s="2" t="s">
        <v>243</v>
      </c>
      <c r="F67" s="2" t="s">
        <v>244</v>
      </c>
      <c r="G67" s="3">
        <v>1</v>
      </c>
      <c r="H67" s="2" t="s">
        <v>245</v>
      </c>
      <c r="I67" s="3">
        <v>2007</v>
      </c>
      <c r="J67" s="2" t="s">
        <v>19</v>
      </c>
      <c r="K67" s="2"/>
      <c r="L67" s="2" t="s">
        <v>246</v>
      </c>
    </row>
    <row r="68" spans="1:12" ht="15.2" customHeight="1">
      <c r="A68" s="2" t="s">
        <v>237</v>
      </c>
      <c r="B68" s="2" t="s">
        <v>27</v>
      </c>
      <c r="C68" s="2" t="s">
        <v>247</v>
      </c>
      <c r="D68" s="2" t="s">
        <v>242</v>
      </c>
      <c r="E68" s="2" t="s">
        <v>243</v>
      </c>
      <c r="F68" s="2" t="s">
        <v>248</v>
      </c>
      <c r="G68" s="3">
        <v>2</v>
      </c>
      <c r="H68" s="2" t="s">
        <v>245</v>
      </c>
      <c r="I68" s="3">
        <v>2007</v>
      </c>
      <c r="J68" s="2" t="s">
        <v>19</v>
      </c>
      <c r="K68" s="2"/>
      <c r="L68" s="2" t="s">
        <v>249</v>
      </c>
    </row>
    <row r="69" spans="1:12" ht="15.2" customHeight="1">
      <c r="A69" s="2" t="s">
        <v>237</v>
      </c>
      <c r="B69" s="2" t="s">
        <v>31</v>
      </c>
      <c r="C69" s="2" t="s">
        <v>250</v>
      </c>
      <c r="D69" s="2" t="s">
        <v>251</v>
      </c>
      <c r="E69" s="2" t="s">
        <v>68</v>
      </c>
      <c r="F69" s="2" t="s">
        <v>252</v>
      </c>
      <c r="G69" s="3">
        <v>2</v>
      </c>
      <c r="H69" s="2" t="s">
        <v>70</v>
      </c>
      <c r="I69" s="3">
        <v>2009</v>
      </c>
      <c r="J69" s="2" t="s">
        <v>53</v>
      </c>
      <c r="K69" s="2"/>
      <c r="L69" s="2" t="s">
        <v>253</v>
      </c>
    </row>
    <row r="70" spans="1:12" ht="15.2" customHeight="1">
      <c r="A70" s="2" t="s">
        <v>237</v>
      </c>
      <c r="B70" s="2" t="s">
        <v>38</v>
      </c>
      <c r="C70" s="2" t="s">
        <v>254</v>
      </c>
      <c r="D70" s="2" t="s">
        <v>255</v>
      </c>
      <c r="E70" s="2" t="s">
        <v>68</v>
      </c>
      <c r="F70" s="2" t="s">
        <v>256</v>
      </c>
      <c r="G70" s="3">
        <v>7</v>
      </c>
      <c r="H70" s="2" t="s">
        <v>70</v>
      </c>
      <c r="I70" s="3">
        <v>2018</v>
      </c>
      <c r="J70" s="2" t="s">
        <v>76</v>
      </c>
      <c r="K70" s="2"/>
      <c r="L70" s="2" t="s">
        <v>257</v>
      </c>
    </row>
    <row r="71" spans="1:12" ht="15.2" customHeight="1">
      <c r="A71" s="2" t="s">
        <v>237</v>
      </c>
      <c r="B71" s="2" t="s">
        <v>43</v>
      </c>
      <c r="C71" s="2" t="s">
        <v>126</v>
      </c>
      <c r="D71" s="2" t="s">
        <v>127</v>
      </c>
      <c r="E71" s="2" t="s">
        <v>128</v>
      </c>
      <c r="F71" s="2" t="s">
        <v>129</v>
      </c>
      <c r="G71" s="3">
        <v>2</v>
      </c>
      <c r="H71" s="2" t="s">
        <v>70</v>
      </c>
      <c r="I71" s="3">
        <v>2018</v>
      </c>
      <c r="J71" s="2" t="s">
        <v>130</v>
      </c>
      <c r="K71" s="2"/>
      <c r="L71" s="2" t="s">
        <v>131</v>
      </c>
    </row>
    <row r="72" spans="1:12" ht="15.2" customHeight="1">
      <c r="A72" s="2" t="s">
        <v>237</v>
      </c>
      <c r="B72" s="2" t="s">
        <v>48</v>
      </c>
      <c r="C72" s="2" t="s">
        <v>258</v>
      </c>
      <c r="D72" s="2" t="s">
        <v>259</v>
      </c>
      <c r="E72" s="2" t="s">
        <v>260</v>
      </c>
      <c r="F72" s="2" t="s">
        <v>261</v>
      </c>
      <c r="G72" s="3">
        <v>1</v>
      </c>
      <c r="H72" s="2" t="s">
        <v>245</v>
      </c>
      <c r="I72" s="3">
        <v>2012</v>
      </c>
      <c r="J72" s="2" t="s">
        <v>76</v>
      </c>
      <c r="K72" s="2"/>
      <c r="L72" s="2" t="s">
        <v>262</v>
      </c>
    </row>
    <row r="73" spans="1:12" ht="15.2" customHeight="1">
      <c r="A73" s="2" t="s">
        <v>237</v>
      </c>
      <c r="B73" s="2" t="s">
        <v>263</v>
      </c>
      <c r="C73" s="2" t="s">
        <v>264</v>
      </c>
      <c r="D73" s="2" t="s">
        <v>265</v>
      </c>
      <c r="E73" s="2" t="s">
        <v>260</v>
      </c>
      <c r="F73" s="2" t="s">
        <v>266</v>
      </c>
      <c r="G73" s="3">
        <v>2</v>
      </c>
      <c r="H73" s="2" t="s">
        <v>245</v>
      </c>
      <c r="I73" s="3">
        <v>2012</v>
      </c>
      <c r="J73" s="2" t="s">
        <v>76</v>
      </c>
      <c r="K73" s="2"/>
      <c r="L73" s="2" t="s">
        <v>267</v>
      </c>
    </row>
    <row r="74" spans="1:12" ht="15.2" customHeight="1">
      <c r="A74" s="2" t="s">
        <v>237</v>
      </c>
      <c r="B74" s="2" t="s">
        <v>55</v>
      </c>
      <c r="C74" s="2" t="s">
        <v>268</v>
      </c>
      <c r="D74" s="2" t="s">
        <v>269</v>
      </c>
      <c r="E74" s="2" t="s">
        <v>270</v>
      </c>
      <c r="F74" s="2" t="s">
        <v>271</v>
      </c>
      <c r="G74" s="3">
        <v>9</v>
      </c>
      <c r="H74" s="2" t="s">
        <v>70</v>
      </c>
      <c r="I74" s="3">
        <v>2015</v>
      </c>
      <c r="J74" s="2" t="s">
        <v>19</v>
      </c>
      <c r="K74" s="2"/>
      <c r="L74" s="2" t="s">
        <v>272</v>
      </c>
    </row>
    <row r="75" spans="1:12" ht="15.2" customHeight="1">
      <c r="A75" s="2" t="s">
        <v>237</v>
      </c>
      <c r="B75" s="2" t="s">
        <v>60</v>
      </c>
      <c r="C75" s="2" t="s">
        <v>273</v>
      </c>
      <c r="D75" s="2" t="s">
        <v>274</v>
      </c>
      <c r="E75" s="2" t="s">
        <v>270</v>
      </c>
      <c r="F75" s="2" t="s">
        <v>275</v>
      </c>
      <c r="G75" s="3">
        <v>1</v>
      </c>
      <c r="H75" s="2" t="s">
        <v>70</v>
      </c>
      <c r="I75" s="3">
        <v>2015</v>
      </c>
      <c r="J75" s="2" t="s">
        <v>19</v>
      </c>
      <c r="K75" s="2"/>
      <c r="L75" s="2" t="s">
        <v>276</v>
      </c>
    </row>
    <row r="76" spans="1:12" ht="15.2" customHeight="1">
      <c r="A76" s="2" t="s">
        <v>237</v>
      </c>
      <c r="B76" s="2" t="s">
        <v>65</v>
      </c>
      <c r="C76" s="2"/>
      <c r="D76" s="2" t="s">
        <v>219</v>
      </c>
      <c r="E76" s="2" t="s">
        <v>212</v>
      </c>
      <c r="F76" s="2" t="s">
        <v>220</v>
      </c>
      <c r="G76" s="3">
        <v>1</v>
      </c>
      <c r="H76" s="2" t="s">
        <v>36</v>
      </c>
      <c r="I76" s="3">
        <v>2020</v>
      </c>
      <c r="J76" s="2" t="s">
        <v>76</v>
      </c>
      <c r="K76" s="2"/>
      <c r="L76" s="2" t="s">
        <v>221</v>
      </c>
    </row>
    <row r="77" spans="1:12" ht="15.2" customHeight="1">
      <c r="A77" s="2" t="s">
        <v>237</v>
      </c>
      <c r="B77" s="2" t="s">
        <v>72</v>
      </c>
      <c r="C77" s="2"/>
      <c r="D77" s="2" t="s">
        <v>277</v>
      </c>
      <c r="E77" s="2" t="s">
        <v>212</v>
      </c>
      <c r="F77" s="2" t="s">
        <v>278</v>
      </c>
      <c r="G77" s="3">
        <v>2</v>
      </c>
      <c r="H77" s="2" t="s">
        <v>36</v>
      </c>
      <c r="I77" s="3">
        <v>2020</v>
      </c>
      <c r="J77" s="2" t="s">
        <v>76</v>
      </c>
      <c r="K77" s="2"/>
      <c r="L77" s="2" t="s">
        <v>279</v>
      </c>
    </row>
    <row r="78" spans="1:12" ht="15.2" customHeight="1">
      <c r="A78" s="2" t="s">
        <v>237</v>
      </c>
      <c r="B78" s="2" t="s">
        <v>78</v>
      </c>
      <c r="C78" s="2"/>
      <c r="D78" s="2" t="s">
        <v>280</v>
      </c>
      <c r="E78" s="2" t="s">
        <v>212</v>
      </c>
      <c r="F78" s="2" t="s">
        <v>281</v>
      </c>
      <c r="G78" s="3">
        <v>3</v>
      </c>
      <c r="H78" s="2" t="s">
        <v>36</v>
      </c>
      <c r="I78" s="3">
        <v>2020</v>
      </c>
      <c r="J78" s="2" t="s">
        <v>76</v>
      </c>
      <c r="K78" s="2"/>
      <c r="L78" s="2" t="s">
        <v>282</v>
      </c>
    </row>
    <row r="79" spans="1:12" ht="15.2" customHeight="1">
      <c r="A79" s="2" t="s">
        <v>237</v>
      </c>
      <c r="B79" s="2" t="s">
        <v>82</v>
      </c>
      <c r="C79" s="2"/>
      <c r="D79" s="2" t="s">
        <v>283</v>
      </c>
      <c r="E79" s="2" t="s">
        <v>212</v>
      </c>
      <c r="F79" s="2" t="s">
        <v>284</v>
      </c>
      <c r="G79" s="3">
        <v>4</v>
      </c>
      <c r="H79" s="2" t="s">
        <v>36</v>
      </c>
      <c r="I79" s="3">
        <v>2020</v>
      </c>
      <c r="J79" s="2" t="s">
        <v>76</v>
      </c>
      <c r="K79" s="2"/>
      <c r="L79" s="2" t="s">
        <v>285</v>
      </c>
    </row>
    <row r="80" spans="1:12" ht="15.2" customHeight="1">
      <c r="A80" s="2" t="s">
        <v>237</v>
      </c>
      <c r="B80" s="2" t="s">
        <v>88</v>
      </c>
      <c r="C80" s="2"/>
      <c r="D80" s="2" t="s">
        <v>286</v>
      </c>
      <c r="E80" s="2" t="s">
        <v>212</v>
      </c>
      <c r="F80" s="2" t="s">
        <v>287</v>
      </c>
      <c r="G80" s="3">
        <v>5</v>
      </c>
      <c r="H80" s="2" t="s">
        <v>36</v>
      </c>
      <c r="I80" s="3">
        <v>2020</v>
      </c>
      <c r="J80" s="2" t="s">
        <v>76</v>
      </c>
      <c r="K80" s="2"/>
      <c r="L80" s="2" t="s">
        <v>288</v>
      </c>
    </row>
    <row r="81" spans="1:12" ht="15.2" customHeight="1">
      <c r="A81" s="2" t="s">
        <v>237</v>
      </c>
      <c r="B81" s="2" t="s">
        <v>93</v>
      </c>
      <c r="C81" s="2" t="s">
        <v>289</v>
      </c>
      <c r="D81" s="2" t="s">
        <v>290</v>
      </c>
      <c r="E81" s="2" t="s">
        <v>291</v>
      </c>
      <c r="F81" s="2" t="s">
        <v>292</v>
      </c>
      <c r="G81" s="3">
        <v>4</v>
      </c>
      <c r="H81" s="2" t="s">
        <v>70</v>
      </c>
      <c r="I81" s="3">
        <v>2016</v>
      </c>
      <c r="J81" s="2" t="s">
        <v>293</v>
      </c>
      <c r="K81" s="2"/>
      <c r="L81" s="2" t="s">
        <v>294</v>
      </c>
    </row>
    <row r="82" spans="1:12" ht="15.2" customHeight="1">
      <c r="A82" s="2" t="s">
        <v>237</v>
      </c>
      <c r="B82" s="2" t="s">
        <v>105</v>
      </c>
      <c r="C82" s="2" t="s">
        <v>295</v>
      </c>
      <c r="D82" s="2" t="s">
        <v>296</v>
      </c>
      <c r="E82" s="2" t="s">
        <v>291</v>
      </c>
      <c r="F82" s="2" t="s">
        <v>297</v>
      </c>
      <c r="G82" s="3">
        <v>5</v>
      </c>
      <c r="H82" s="2" t="s">
        <v>70</v>
      </c>
      <c r="I82" s="3">
        <v>2018</v>
      </c>
      <c r="J82" s="2" t="s">
        <v>293</v>
      </c>
      <c r="K82" s="2"/>
      <c r="L82" s="2" t="s">
        <v>298</v>
      </c>
    </row>
    <row r="83" spans="1:12" ht="15.2" customHeight="1">
      <c r="A83" s="2" t="s">
        <v>237</v>
      </c>
      <c r="B83" s="2" t="s">
        <v>115</v>
      </c>
      <c r="C83" s="2" t="s">
        <v>299</v>
      </c>
      <c r="D83" s="2" t="s">
        <v>300</v>
      </c>
      <c r="E83" s="2" t="s">
        <v>301</v>
      </c>
      <c r="F83" s="2" t="s">
        <v>302</v>
      </c>
      <c r="G83" s="3">
        <v>5</v>
      </c>
      <c r="H83" s="2" t="s">
        <v>70</v>
      </c>
      <c r="I83" s="3">
        <v>2012</v>
      </c>
      <c r="J83" s="2" t="s">
        <v>76</v>
      </c>
      <c r="K83" s="2"/>
      <c r="L83" s="2" t="s">
        <v>303</v>
      </c>
    </row>
    <row r="84" spans="1:12" ht="15.2" customHeight="1">
      <c r="A84" s="2" t="s">
        <v>237</v>
      </c>
      <c r="B84" s="2" t="s">
        <v>125</v>
      </c>
      <c r="C84" s="2" t="s">
        <v>304</v>
      </c>
      <c r="D84" s="2" t="s">
        <v>305</v>
      </c>
      <c r="E84" s="2" t="s">
        <v>306</v>
      </c>
      <c r="F84" s="2" t="s">
        <v>307</v>
      </c>
      <c r="G84" s="3">
        <v>8</v>
      </c>
      <c r="H84" s="2" t="s">
        <v>36</v>
      </c>
      <c r="I84" s="3">
        <v>2019</v>
      </c>
      <c r="J84" s="2" t="s">
        <v>76</v>
      </c>
      <c r="K84" s="2"/>
      <c r="L84" s="2" t="s">
        <v>308</v>
      </c>
    </row>
    <row r="85" spans="1:12" s="8" customFormat="1" ht="15.2" customHeight="1">
      <c r="A85" s="7" t="s">
        <v>237</v>
      </c>
      <c r="B85" s="7" t="s">
        <v>132</v>
      </c>
      <c r="C85" s="7"/>
      <c r="D85" s="7" t="s">
        <v>309</v>
      </c>
      <c r="E85" s="7" t="s">
        <v>310</v>
      </c>
      <c r="F85" s="7" t="s">
        <v>311</v>
      </c>
      <c r="G85" s="7">
        <v>1</v>
      </c>
      <c r="H85" s="7" t="s">
        <v>36</v>
      </c>
      <c r="I85" s="7">
        <v>2020</v>
      </c>
      <c r="J85" s="7" t="s">
        <v>76</v>
      </c>
      <c r="K85" s="7"/>
      <c r="L85" s="7" t="s">
        <v>312</v>
      </c>
    </row>
    <row r="86" spans="1:12" ht="15.2" customHeight="1">
      <c r="A86" s="2" t="s">
        <v>237</v>
      </c>
      <c r="B86" s="2" t="s">
        <v>136</v>
      </c>
      <c r="C86" s="2"/>
      <c r="D86" s="2" t="s">
        <v>313</v>
      </c>
      <c r="E86" s="2" t="s">
        <v>310</v>
      </c>
      <c r="F86" s="2" t="s">
        <v>314</v>
      </c>
      <c r="G86" s="3">
        <v>2</v>
      </c>
      <c r="H86" s="2" t="s">
        <v>36</v>
      </c>
      <c r="I86" s="3">
        <v>2020</v>
      </c>
      <c r="J86" s="2" t="s">
        <v>76</v>
      </c>
      <c r="K86" s="2"/>
      <c r="L86" s="2" t="s">
        <v>315</v>
      </c>
    </row>
    <row r="87" spans="1:12" ht="15.2" customHeight="1">
      <c r="A87" s="2" t="s">
        <v>237</v>
      </c>
      <c r="B87" s="2" t="s">
        <v>140</v>
      </c>
      <c r="C87" s="2" t="s">
        <v>316</v>
      </c>
      <c r="D87" s="2" t="s">
        <v>317</v>
      </c>
      <c r="E87" s="2" t="s">
        <v>318</v>
      </c>
      <c r="F87" s="2" t="s">
        <v>319</v>
      </c>
      <c r="G87" s="3">
        <v>1</v>
      </c>
      <c r="H87" s="2" t="s">
        <v>70</v>
      </c>
      <c r="I87" s="3">
        <v>2015</v>
      </c>
      <c r="J87" s="2" t="s">
        <v>76</v>
      </c>
      <c r="K87" s="2"/>
      <c r="L87" s="2" t="s">
        <v>320</v>
      </c>
    </row>
    <row r="88" spans="1:12" ht="15.2" customHeight="1">
      <c r="A88" s="2" t="s">
        <v>237</v>
      </c>
      <c r="B88" s="2" t="s">
        <v>145</v>
      </c>
      <c r="C88" s="2" t="s">
        <v>321</v>
      </c>
      <c r="D88" s="2" t="s">
        <v>322</v>
      </c>
      <c r="E88" s="2" t="s">
        <v>318</v>
      </c>
      <c r="F88" s="2" t="s">
        <v>323</v>
      </c>
      <c r="G88" s="3">
        <v>2</v>
      </c>
      <c r="H88" s="2" t="s">
        <v>70</v>
      </c>
      <c r="I88" s="3">
        <v>2015</v>
      </c>
      <c r="J88" s="2" t="s">
        <v>76</v>
      </c>
      <c r="K88" s="2"/>
      <c r="L88" s="2" t="s">
        <v>324</v>
      </c>
    </row>
    <row r="89" spans="1:12" ht="15.2" customHeight="1">
      <c r="A89" s="2" t="s">
        <v>237</v>
      </c>
      <c r="B89" s="2" t="s">
        <v>150</v>
      </c>
      <c r="C89" s="2"/>
      <c r="D89" s="2" t="s">
        <v>211</v>
      </c>
      <c r="E89" s="2" t="s">
        <v>212</v>
      </c>
      <c r="F89" s="2" t="s">
        <v>213</v>
      </c>
      <c r="G89" s="3">
        <v>16</v>
      </c>
      <c r="H89" s="2" t="s">
        <v>36</v>
      </c>
      <c r="I89" s="3">
        <v>2020</v>
      </c>
      <c r="J89" s="2" t="s">
        <v>76</v>
      </c>
      <c r="K89" s="2"/>
      <c r="L89" s="2" t="s">
        <v>214</v>
      </c>
    </row>
    <row r="90" spans="1:12" ht="15.2" customHeight="1">
      <c r="A90" s="2" t="s">
        <v>237</v>
      </c>
      <c r="B90" s="2" t="s">
        <v>151</v>
      </c>
      <c r="C90" s="2"/>
      <c r="D90" s="2" t="s">
        <v>215</v>
      </c>
      <c r="E90" s="2" t="s">
        <v>212</v>
      </c>
      <c r="F90" s="2" t="s">
        <v>216</v>
      </c>
      <c r="G90" s="3">
        <v>17</v>
      </c>
      <c r="H90" s="2" t="s">
        <v>217</v>
      </c>
      <c r="I90" s="3">
        <v>2020</v>
      </c>
      <c r="J90" s="2" t="s">
        <v>76</v>
      </c>
      <c r="K90" s="2"/>
      <c r="L90" s="2" t="s">
        <v>218</v>
      </c>
    </row>
    <row r="91" spans="1:12" ht="15.2" customHeight="1">
      <c r="A91" s="2" t="s">
        <v>237</v>
      </c>
      <c r="B91" s="2" t="s">
        <v>152</v>
      </c>
      <c r="C91" s="2"/>
      <c r="D91" s="2" t="s">
        <v>219</v>
      </c>
      <c r="E91" s="2" t="s">
        <v>212</v>
      </c>
      <c r="F91" s="2" t="s">
        <v>220</v>
      </c>
      <c r="G91" s="3">
        <v>1</v>
      </c>
      <c r="H91" s="2" t="s">
        <v>217</v>
      </c>
      <c r="I91" s="3">
        <v>2020</v>
      </c>
      <c r="J91" s="2" t="s">
        <v>76</v>
      </c>
      <c r="K91" s="2"/>
      <c r="L91" s="2" t="s">
        <v>221</v>
      </c>
    </row>
    <row r="92" spans="1:12" ht="15.2" customHeight="1">
      <c r="A92" s="2" t="s">
        <v>237</v>
      </c>
      <c r="B92" s="2" t="s">
        <v>154</v>
      </c>
      <c r="C92" s="2" t="s">
        <v>241</v>
      </c>
      <c r="D92" s="2" t="s">
        <v>242</v>
      </c>
      <c r="E92" s="2" t="s">
        <v>243</v>
      </c>
      <c r="F92" s="2" t="s">
        <v>244</v>
      </c>
      <c r="G92" s="3">
        <v>1</v>
      </c>
      <c r="H92" s="2" t="s">
        <v>245</v>
      </c>
      <c r="I92" s="3">
        <v>2007</v>
      </c>
      <c r="J92" s="2" t="s">
        <v>19</v>
      </c>
      <c r="K92" s="2"/>
      <c r="L92" s="2" t="s">
        <v>246</v>
      </c>
    </row>
    <row r="93" spans="1:12" ht="15.2" customHeight="1">
      <c r="A93" s="2" t="s">
        <v>237</v>
      </c>
      <c r="B93" s="2" t="s">
        <v>155</v>
      </c>
      <c r="C93" s="2" t="s">
        <v>247</v>
      </c>
      <c r="D93" s="2" t="s">
        <v>242</v>
      </c>
      <c r="E93" s="2" t="s">
        <v>243</v>
      </c>
      <c r="F93" s="2" t="s">
        <v>248</v>
      </c>
      <c r="G93" s="3">
        <v>2</v>
      </c>
      <c r="H93" s="2" t="s">
        <v>245</v>
      </c>
      <c r="I93" s="3">
        <v>2007</v>
      </c>
      <c r="J93" s="2" t="s">
        <v>19</v>
      </c>
      <c r="K93" s="2"/>
      <c r="L93" s="2" t="s">
        <v>249</v>
      </c>
    </row>
    <row r="94" spans="1:12" ht="15.2" customHeight="1">
      <c r="A94" s="2" t="s">
        <v>237</v>
      </c>
      <c r="B94" s="2" t="s">
        <v>156</v>
      </c>
      <c r="C94" s="2" t="s">
        <v>325</v>
      </c>
      <c r="D94" s="2" t="s">
        <v>326</v>
      </c>
      <c r="E94" s="2" t="s">
        <v>260</v>
      </c>
      <c r="F94" s="2" t="s">
        <v>327</v>
      </c>
      <c r="G94" s="3">
        <v>11</v>
      </c>
      <c r="H94" s="2" t="s">
        <v>245</v>
      </c>
      <c r="I94" s="3">
        <v>2012</v>
      </c>
      <c r="J94" s="2" t="s">
        <v>76</v>
      </c>
      <c r="K94" s="2"/>
      <c r="L94" s="2" t="s">
        <v>328</v>
      </c>
    </row>
    <row r="95" spans="1:12" ht="15.2" customHeight="1">
      <c r="A95" s="2" t="s">
        <v>237</v>
      </c>
      <c r="B95" s="2" t="s">
        <v>329</v>
      </c>
      <c r="C95" s="2" t="s">
        <v>330</v>
      </c>
      <c r="D95" s="2" t="s">
        <v>331</v>
      </c>
      <c r="E95" s="2" t="s">
        <v>260</v>
      </c>
      <c r="F95" s="2" t="s">
        <v>332</v>
      </c>
      <c r="G95" s="3">
        <v>12</v>
      </c>
      <c r="H95" s="2" t="s">
        <v>245</v>
      </c>
      <c r="I95" s="3">
        <v>2012</v>
      </c>
      <c r="J95" s="2" t="s">
        <v>76</v>
      </c>
      <c r="K95" s="2"/>
      <c r="L95" s="2" t="s">
        <v>333</v>
      </c>
    </row>
    <row r="96" spans="1:12" ht="15.2" customHeight="1">
      <c r="A96" s="2" t="s">
        <v>237</v>
      </c>
      <c r="B96" s="2" t="s">
        <v>161</v>
      </c>
      <c r="C96" s="2" t="s">
        <v>258</v>
      </c>
      <c r="D96" s="2" t="s">
        <v>259</v>
      </c>
      <c r="E96" s="2" t="s">
        <v>260</v>
      </c>
      <c r="F96" s="2" t="s">
        <v>261</v>
      </c>
      <c r="G96" s="3">
        <v>1</v>
      </c>
      <c r="H96" s="2" t="s">
        <v>245</v>
      </c>
      <c r="I96" s="3">
        <v>2012</v>
      </c>
      <c r="J96" s="2" t="s">
        <v>76</v>
      </c>
      <c r="K96" s="2"/>
      <c r="L96" s="2" t="s">
        <v>262</v>
      </c>
    </row>
    <row r="97" spans="1:12" ht="15.2" customHeight="1">
      <c r="A97" s="2" t="s">
        <v>237</v>
      </c>
      <c r="B97" s="2" t="s">
        <v>334</v>
      </c>
      <c r="C97" s="2" t="s">
        <v>264</v>
      </c>
      <c r="D97" s="2" t="s">
        <v>265</v>
      </c>
      <c r="E97" s="2" t="s">
        <v>260</v>
      </c>
      <c r="F97" s="2" t="s">
        <v>266</v>
      </c>
      <c r="G97" s="3">
        <v>2</v>
      </c>
      <c r="H97" s="2" t="s">
        <v>245</v>
      </c>
      <c r="I97" s="3">
        <v>2012</v>
      </c>
      <c r="J97" s="2" t="s">
        <v>76</v>
      </c>
      <c r="K97" s="2"/>
      <c r="L97" s="2" t="s">
        <v>267</v>
      </c>
    </row>
    <row r="98" spans="1:12" ht="15.2" customHeight="1">
      <c r="A98" s="2" t="s">
        <v>237</v>
      </c>
      <c r="B98" s="2" t="s">
        <v>165</v>
      </c>
      <c r="C98" s="2" t="s">
        <v>268</v>
      </c>
      <c r="D98" s="2" t="s">
        <v>269</v>
      </c>
      <c r="E98" s="2" t="s">
        <v>270</v>
      </c>
      <c r="F98" s="2" t="s">
        <v>271</v>
      </c>
      <c r="G98" s="3">
        <v>9</v>
      </c>
      <c r="H98" s="2" t="s">
        <v>70</v>
      </c>
      <c r="I98" s="3">
        <v>2015</v>
      </c>
      <c r="J98" s="2" t="s">
        <v>19</v>
      </c>
      <c r="K98" s="2"/>
      <c r="L98" s="2" t="s">
        <v>272</v>
      </c>
    </row>
    <row r="99" spans="1:12" ht="15.2" customHeight="1">
      <c r="A99" s="2" t="s">
        <v>335</v>
      </c>
      <c r="B99" s="2" t="s">
        <v>14</v>
      </c>
      <c r="C99" s="2" t="s">
        <v>336</v>
      </c>
      <c r="D99" s="2" t="s">
        <v>16</v>
      </c>
      <c r="E99" s="2" t="s">
        <v>16</v>
      </c>
      <c r="F99" s="2" t="s">
        <v>337</v>
      </c>
      <c r="G99" s="3">
        <v>19</v>
      </c>
      <c r="H99" s="2" t="s">
        <v>18</v>
      </c>
      <c r="I99" s="3">
        <v>2015</v>
      </c>
      <c r="J99" s="2" t="s">
        <v>19</v>
      </c>
      <c r="K99" s="2"/>
      <c r="L99" s="2" t="s">
        <v>338</v>
      </c>
    </row>
    <row r="100" spans="1:12" ht="15.2" customHeight="1">
      <c r="A100" s="2" t="s">
        <v>335</v>
      </c>
      <c r="B100" s="2" t="s">
        <v>21</v>
      </c>
      <c r="C100" s="2" t="s">
        <v>339</v>
      </c>
      <c r="D100" s="2" t="s">
        <v>242</v>
      </c>
      <c r="E100" s="2" t="s">
        <v>243</v>
      </c>
      <c r="F100" s="2" t="s">
        <v>340</v>
      </c>
      <c r="G100" s="3">
        <v>3</v>
      </c>
      <c r="H100" s="2" t="s">
        <v>245</v>
      </c>
      <c r="I100" s="3">
        <v>2007</v>
      </c>
      <c r="J100" s="2" t="s">
        <v>19</v>
      </c>
      <c r="K100" s="2"/>
      <c r="L100" s="2" t="s">
        <v>341</v>
      </c>
    </row>
    <row r="101" spans="1:12" ht="15.2" customHeight="1">
      <c r="A101" s="2" t="s">
        <v>335</v>
      </c>
      <c r="B101" s="2" t="s">
        <v>27</v>
      </c>
      <c r="C101" s="2" t="s">
        <v>342</v>
      </c>
      <c r="D101" s="2" t="s">
        <v>242</v>
      </c>
      <c r="E101" s="2" t="s">
        <v>243</v>
      </c>
      <c r="F101" s="2" t="s">
        <v>343</v>
      </c>
      <c r="G101" s="3">
        <v>4</v>
      </c>
      <c r="H101" s="2" t="s">
        <v>245</v>
      </c>
      <c r="I101" s="3">
        <v>2007</v>
      </c>
      <c r="J101" s="2" t="s">
        <v>19</v>
      </c>
      <c r="K101" s="2"/>
      <c r="L101" s="2" t="s">
        <v>344</v>
      </c>
    </row>
    <row r="102" spans="1:12" ht="15.2" customHeight="1">
      <c r="A102" s="2" t="s">
        <v>335</v>
      </c>
      <c r="B102" s="2" t="s">
        <v>31</v>
      </c>
      <c r="C102" s="2" t="s">
        <v>345</v>
      </c>
      <c r="D102" s="2" t="s">
        <v>346</v>
      </c>
      <c r="E102" s="2" t="s">
        <v>68</v>
      </c>
      <c r="F102" s="2" t="s">
        <v>347</v>
      </c>
      <c r="G102" s="3">
        <v>3</v>
      </c>
      <c r="H102" s="2" t="s">
        <v>70</v>
      </c>
      <c r="I102" s="3">
        <v>2009</v>
      </c>
      <c r="J102" s="2" t="s">
        <v>53</v>
      </c>
      <c r="K102" s="2"/>
      <c r="L102" s="2" t="s">
        <v>348</v>
      </c>
    </row>
    <row r="103" spans="1:12" ht="15.2" customHeight="1">
      <c r="A103" s="2" t="s">
        <v>335</v>
      </c>
      <c r="B103" s="2" t="s">
        <v>38</v>
      </c>
      <c r="C103" s="2" t="s">
        <v>349</v>
      </c>
      <c r="D103" s="2" t="s">
        <v>350</v>
      </c>
      <c r="E103" s="2" t="s">
        <v>68</v>
      </c>
      <c r="F103" s="2" t="s">
        <v>351</v>
      </c>
      <c r="G103" s="3">
        <v>8</v>
      </c>
      <c r="H103" s="2" t="s">
        <v>70</v>
      </c>
      <c r="I103" s="3">
        <v>2018</v>
      </c>
      <c r="J103" s="2" t="s">
        <v>76</v>
      </c>
      <c r="K103" s="2"/>
      <c r="L103" s="2" t="s">
        <v>352</v>
      </c>
    </row>
    <row r="104" spans="1:12" ht="15.2" customHeight="1">
      <c r="A104" s="2" t="s">
        <v>335</v>
      </c>
      <c r="B104" s="2" t="s">
        <v>43</v>
      </c>
      <c r="C104" s="2" t="s">
        <v>353</v>
      </c>
      <c r="D104" s="2" t="s">
        <v>354</v>
      </c>
      <c r="E104" s="2" t="s">
        <v>355</v>
      </c>
      <c r="F104" s="2" t="s">
        <v>356</v>
      </c>
      <c r="G104" s="3">
        <v>1</v>
      </c>
      <c r="H104" s="2" t="s">
        <v>357</v>
      </c>
      <c r="I104" s="3">
        <v>2010</v>
      </c>
      <c r="J104" s="2" t="s">
        <v>76</v>
      </c>
      <c r="K104" s="2"/>
      <c r="L104" s="2" t="s">
        <v>358</v>
      </c>
    </row>
    <row r="105" spans="1:12" ht="15.2" customHeight="1">
      <c r="A105" s="2" t="s">
        <v>335</v>
      </c>
      <c r="B105" s="2" t="s">
        <v>48</v>
      </c>
      <c r="C105" s="2" t="s">
        <v>359</v>
      </c>
      <c r="D105" s="2" t="s">
        <v>360</v>
      </c>
      <c r="E105" s="2" t="s">
        <v>260</v>
      </c>
      <c r="F105" s="2" t="s">
        <v>361</v>
      </c>
      <c r="G105" s="3">
        <v>3</v>
      </c>
      <c r="H105" s="2" t="s">
        <v>245</v>
      </c>
      <c r="I105" s="3">
        <v>2012</v>
      </c>
      <c r="J105" s="2" t="s">
        <v>76</v>
      </c>
      <c r="K105" s="2"/>
      <c r="L105" s="2" t="s">
        <v>362</v>
      </c>
    </row>
    <row r="106" spans="1:12" ht="15.2" customHeight="1">
      <c r="A106" s="2" t="s">
        <v>335</v>
      </c>
      <c r="B106" s="2" t="s">
        <v>263</v>
      </c>
      <c r="C106" s="2" t="s">
        <v>363</v>
      </c>
      <c r="D106" s="2" t="s">
        <v>364</v>
      </c>
      <c r="E106" s="2" t="s">
        <v>260</v>
      </c>
      <c r="F106" s="2" t="s">
        <v>365</v>
      </c>
      <c r="G106" s="3">
        <v>4</v>
      </c>
      <c r="H106" s="2" t="s">
        <v>245</v>
      </c>
      <c r="I106" s="3">
        <v>2012</v>
      </c>
      <c r="J106" s="2" t="s">
        <v>76</v>
      </c>
      <c r="K106" s="2"/>
      <c r="L106" s="2" t="s">
        <v>366</v>
      </c>
    </row>
    <row r="107" spans="1:12" ht="15.2" customHeight="1">
      <c r="A107" s="2" t="s">
        <v>335</v>
      </c>
      <c r="B107" s="2" t="s">
        <v>55</v>
      </c>
      <c r="C107" s="2" t="s">
        <v>367</v>
      </c>
      <c r="D107" s="2" t="s">
        <v>368</v>
      </c>
      <c r="E107" s="2" t="s">
        <v>270</v>
      </c>
      <c r="F107" s="2" t="s">
        <v>369</v>
      </c>
      <c r="G107" s="3">
        <v>4</v>
      </c>
      <c r="H107" s="2" t="s">
        <v>70</v>
      </c>
      <c r="I107" s="3">
        <v>2015</v>
      </c>
      <c r="J107" s="2" t="s">
        <v>19</v>
      </c>
      <c r="K107" s="2"/>
      <c r="L107" s="2" t="s">
        <v>370</v>
      </c>
    </row>
    <row r="108" spans="1:12" ht="15.2" customHeight="1">
      <c r="A108" s="2" t="s">
        <v>335</v>
      </c>
      <c r="B108" s="2" t="s">
        <v>60</v>
      </c>
      <c r="C108" s="2" t="s">
        <v>371</v>
      </c>
      <c r="D108" s="2" t="s">
        <v>372</v>
      </c>
      <c r="E108" s="2" t="s">
        <v>270</v>
      </c>
      <c r="F108" s="2" t="s">
        <v>373</v>
      </c>
      <c r="G108" s="3">
        <v>3</v>
      </c>
      <c r="H108" s="2" t="s">
        <v>70</v>
      </c>
      <c r="I108" s="3">
        <v>2015</v>
      </c>
      <c r="J108" s="2" t="s">
        <v>19</v>
      </c>
      <c r="K108" s="2"/>
      <c r="L108" s="2" t="s">
        <v>374</v>
      </c>
    </row>
    <row r="109" spans="1:12" ht="15.2" customHeight="1">
      <c r="A109" s="2" t="s">
        <v>335</v>
      </c>
      <c r="B109" s="2" t="s">
        <v>65</v>
      </c>
      <c r="C109" s="2" t="s">
        <v>375</v>
      </c>
      <c r="D109" s="2" t="s">
        <v>376</v>
      </c>
      <c r="E109" s="2" t="s">
        <v>377</v>
      </c>
      <c r="F109" s="2" t="s">
        <v>378</v>
      </c>
      <c r="G109" s="3">
        <v>1</v>
      </c>
      <c r="H109" s="2" t="s">
        <v>70</v>
      </c>
      <c r="I109" s="3">
        <v>2014</v>
      </c>
      <c r="J109" s="2" t="s">
        <v>19</v>
      </c>
      <c r="K109" s="2"/>
      <c r="L109" s="2" t="s">
        <v>379</v>
      </c>
    </row>
    <row r="110" spans="1:12" ht="15.2" customHeight="1">
      <c r="A110" s="2" t="s">
        <v>335</v>
      </c>
      <c r="B110" s="2" t="s">
        <v>72</v>
      </c>
      <c r="C110" s="2" t="s">
        <v>380</v>
      </c>
      <c r="D110" s="2" t="s">
        <v>376</v>
      </c>
      <c r="E110" s="2" t="s">
        <v>377</v>
      </c>
      <c r="F110" s="2" t="s">
        <v>381</v>
      </c>
      <c r="G110" s="3">
        <v>2</v>
      </c>
      <c r="H110" s="2" t="s">
        <v>70</v>
      </c>
      <c r="I110" s="3">
        <v>2014</v>
      </c>
      <c r="J110" s="2" t="s">
        <v>19</v>
      </c>
      <c r="K110" s="2"/>
      <c r="L110" s="2" t="s">
        <v>382</v>
      </c>
    </row>
    <row r="111" spans="1:12" ht="15.2" customHeight="1">
      <c r="A111" s="2" t="s">
        <v>335</v>
      </c>
      <c r="B111" s="2" t="s">
        <v>78</v>
      </c>
      <c r="C111" s="2" t="s">
        <v>383</v>
      </c>
      <c r="D111" s="2" t="s">
        <v>376</v>
      </c>
      <c r="E111" s="2" t="s">
        <v>377</v>
      </c>
      <c r="F111" s="2" t="s">
        <v>384</v>
      </c>
      <c r="G111" s="3">
        <v>3</v>
      </c>
      <c r="H111" s="2" t="s">
        <v>70</v>
      </c>
      <c r="I111" s="3">
        <v>2014</v>
      </c>
      <c r="J111" s="2" t="s">
        <v>19</v>
      </c>
      <c r="K111" s="2"/>
      <c r="L111" s="2" t="s">
        <v>385</v>
      </c>
    </row>
    <row r="112" spans="1:12" ht="15.2" customHeight="1">
      <c r="A112" s="2" t="s">
        <v>335</v>
      </c>
      <c r="B112" s="2" t="s">
        <v>82</v>
      </c>
      <c r="C112" s="2" t="s">
        <v>386</v>
      </c>
      <c r="D112" s="2" t="s">
        <v>387</v>
      </c>
      <c r="E112" s="2" t="s">
        <v>377</v>
      </c>
      <c r="F112" s="2" t="s">
        <v>388</v>
      </c>
      <c r="G112" s="3">
        <v>4</v>
      </c>
      <c r="H112" s="2" t="s">
        <v>70</v>
      </c>
      <c r="I112" s="3">
        <v>2014</v>
      </c>
      <c r="J112" s="2" t="s">
        <v>19</v>
      </c>
      <c r="K112" s="2"/>
      <c r="L112" s="2" t="s">
        <v>389</v>
      </c>
    </row>
    <row r="113" spans="1:12" ht="15.2" customHeight="1">
      <c r="A113" s="2" t="s">
        <v>335</v>
      </c>
      <c r="B113" s="2" t="s">
        <v>88</v>
      </c>
      <c r="C113" s="2" t="s">
        <v>390</v>
      </c>
      <c r="D113" s="2" t="s">
        <v>391</v>
      </c>
      <c r="E113" s="2" t="s">
        <v>377</v>
      </c>
      <c r="F113" s="2" t="s">
        <v>392</v>
      </c>
      <c r="G113" s="3">
        <v>5</v>
      </c>
      <c r="H113" s="2" t="s">
        <v>70</v>
      </c>
      <c r="I113" s="3">
        <v>2014</v>
      </c>
      <c r="J113" s="2" t="s">
        <v>19</v>
      </c>
      <c r="K113" s="2"/>
      <c r="L113" s="2" t="s">
        <v>393</v>
      </c>
    </row>
    <row r="114" spans="1:12" ht="15.2" customHeight="1">
      <c r="A114" s="2" t="s">
        <v>335</v>
      </c>
      <c r="B114" s="2" t="s">
        <v>93</v>
      </c>
      <c r="C114" s="2" t="s">
        <v>394</v>
      </c>
      <c r="D114" s="2" t="s">
        <v>395</v>
      </c>
      <c r="E114" s="2" t="s">
        <v>291</v>
      </c>
      <c r="F114" s="2" t="s">
        <v>396</v>
      </c>
      <c r="G114" s="3">
        <v>7</v>
      </c>
      <c r="H114" s="2" t="s">
        <v>70</v>
      </c>
      <c r="I114" s="3">
        <v>2016</v>
      </c>
      <c r="J114" s="2" t="s">
        <v>293</v>
      </c>
      <c r="K114" s="2"/>
      <c r="L114" s="2" t="s">
        <v>397</v>
      </c>
    </row>
    <row r="115" spans="1:12" ht="15.2" customHeight="1">
      <c r="A115" s="2" t="s">
        <v>335</v>
      </c>
      <c r="B115" s="2" t="s">
        <v>105</v>
      </c>
      <c r="C115" s="2" t="s">
        <v>398</v>
      </c>
      <c r="D115" s="2" t="s">
        <v>399</v>
      </c>
      <c r="E115" s="2" t="s">
        <v>291</v>
      </c>
      <c r="F115" s="2" t="s">
        <v>400</v>
      </c>
      <c r="G115" s="3">
        <v>6</v>
      </c>
      <c r="H115" s="2" t="s">
        <v>70</v>
      </c>
      <c r="I115" s="3">
        <v>2018</v>
      </c>
      <c r="J115" s="2" t="s">
        <v>293</v>
      </c>
      <c r="K115" s="2"/>
      <c r="L115" s="2" t="s">
        <v>401</v>
      </c>
    </row>
    <row r="116" spans="1:12" ht="15.2" customHeight="1">
      <c r="A116" s="2" t="s">
        <v>335</v>
      </c>
      <c r="B116" s="2" t="s">
        <v>115</v>
      </c>
      <c r="C116" s="2"/>
      <c r="D116" s="2" t="s">
        <v>402</v>
      </c>
      <c r="E116" s="2" t="s">
        <v>403</v>
      </c>
      <c r="F116" s="2" t="s">
        <v>404</v>
      </c>
      <c r="G116" s="3">
        <v>1</v>
      </c>
      <c r="H116" s="2" t="s">
        <v>70</v>
      </c>
      <c r="I116" s="3">
        <v>2019</v>
      </c>
      <c r="J116" s="2" t="s">
        <v>98</v>
      </c>
      <c r="K116" s="2"/>
      <c r="L116" s="2" t="s">
        <v>405</v>
      </c>
    </row>
    <row r="117" spans="1:12" ht="15.2" customHeight="1">
      <c r="A117" s="2" t="s">
        <v>335</v>
      </c>
      <c r="B117" s="2" t="s">
        <v>125</v>
      </c>
      <c r="C117" s="2" t="s">
        <v>406</v>
      </c>
      <c r="D117" s="2" t="s">
        <v>407</v>
      </c>
      <c r="E117" s="2" t="s">
        <v>301</v>
      </c>
      <c r="F117" s="2" t="s">
        <v>408</v>
      </c>
      <c r="G117" s="3">
        <v>1</v>
      </c>
      <c r="H117" s="2" t="s">
        <v>70</v>
      </c>
      <c r="I117" s="3">
        <v>2012</v>
      </c>
      <c r="J117" s="2" t="s">
        <v>76</v>
      </c>
      <c r="K117" s="2"/>
      <c r="L117" s="2" t="s">
        <v>409</v>
      </c>
    </row>
    <row r="118" spans="1:12" ht="15.2" customHeight="1">
      <c r="A118" s="2" t="s">
        <v>335</v>
      </c>
      <c r="B118" s="2" t="s">
        <v>132</v>
      </c>
      <c r="C118" s="2"/>
      <c r="D118" s="2" t="s">
        <v>410</v>
      </c>
      <c r="E118" s="2" t="s">
        <v>74</v>
      </c>
      <c r="F118" s="2" t="s">
        <v>411</v>
      </c>
      <c r="G118" s="3">
        <v>8</v>
      </c>
      <c r="H118" s="2" t="s">
        <v>36</v>
      </c>
      <c r="I118" s="3">
        <v>2020</v>
      </c>
      <c r="J118" s="2" t="s">
        <v>76</v>
      </c>
      <c r="K118" s="2"/>
      <c r="L118" s="2" t="s">
        <v>412</v>
      </c>
    </row>
    <row r="119" spans="1:12" ht="15.2" customHeight="1">
      <c r="A119" s="2" t="s">
        <v>335</v>
      </c>
      <c r="B119" s="2" t="s">
        <v>136</v>
      </c>
      <c r="C119" s="2"/>
      <c r="D119" s="2" t="s">
        <v>413</v>
      </c>
      <c r="E119" s="2" t="s">
        <v>74</v>
      </c>
      <c r="F119" s="2" t="s">
        <v>414</v>
      </c>
      <c r="G119" s="3">
        <v>4</v>
      </c>
      <c r="H119" s="2" t="s">
        <v>36</v>
      </c>
      <c r="I119" s="3">
        <v>2020</v>
      </c>
      <c r="J119" s="2" t="s">
        <v>76</v>
      </c>
      <c r="K119" s="2"/>
      <c r="L119" s="2" t="s">
        <v>415</v>
      </c>
    </row>
    <row r="120" spans="1:12" ht="15.2" customHeight="1">
      <c r="A120" s="2" t="s">
        <v>335</v>
      </c>
      <c r="B120" s="2" t="s">
        <v>140</v>
      </c>
      <c r="C120" s="2" t="s">
        <v>416</v>
      </c>
      <c r="D120" s="2" t="s">
        <v>417</v>
      </c>
      <c r="E120" s="2" t="s">
        <v>418</v>
      </c>
      <c r="F120" s="2" t="s">
        <v>419</v>
      </c>
      <c r="G120" s="3">
        <v>1</v>
      </c>
      <c r="H120" s="2" t="s">
        <v>70</v>
      </c>
      <c r="I120" s="3">
        <v>2016</v>
      </c>
      <c r="J120" s="2" t="s">
        <v>76</v>
      </c>
      <c r="K120" s="2"/>
      <c r="L120" s="2" t="s">
        <v>420</v>
      </c>
    </row>
    <row r="121" spans="1:12" ht="15.2" customHeight="1">
      <c r="A121" s="2" t="s">
        <v>335</v>
      </c>
      <c r="B121" s="2" t="s">
        <v>145</v>
      </c>
      <c r="C121" s="2" t="s">
        <v>421</v>
      </c>
      <c r="D121" s="2" t="s">
        <v>422</v>
      </c>
      <c r="E121" s="2" t="s">
        <v>423</v>
      </c>
      <c r="F121" s="2" t="s">
        <v>424</v>
      </c>
      <c r="G121" s="3">
        <v>1</v>
      </c>
      <c r="H121" s="2" t="s">
        <v>70</v>
      </c>
      <c r="I121" s="3">
        <v>2015</v>
      </c>
      <c r="J121" s="2" t="s">
        <v>76</v>
      </c>
      <c r="K121" s="2"/>
      <c r="L121" s="2" t="s">
        <v>425</v>
      </c>
    </row>
    <row r="122" spans="1:12" ht="15.2" customHeight="1">
      <c r="A122" s="2" t="s">
        <v>335</v>
      </c>
      <c r="B122" s="2" t="s">
        <v>150</v>
      </c>
      <c r="C122" s="2"/>
      <c r="D122" s="2" t="s">
        <v>73</v>
      </c>
      <c r="E122" s="2" t="s">
        <v>74</v>
      </c>
      <c r="F122" s="2" t="s">
        <v>75</v>
      </c>
      <c r="G122" s="3">
        <v>5</v>
      </c>
      <c r="H122" s="2" t="s">
        <v>36</v>
      </c>
      <c r="I122" s="3">
        <v>2020</v>
      </c>
      <c r="J122" s="2" t="s">
        <v>76</v>
      </c>
      <c r="K122" s="2"/>
      <c r="L122" s="2" t="s">
        <v>77</v>
      </c>
    </row>
    <row r="123" spans="1:12" ht="15.2" customHeight="1">
      <c r="A123" s="2" t="s">
        <v>335</v>
      </c>
      <c r="B123" s="2" t="s">
        <v>151</v>
      </c>
      <c r="C123" s="2"/>
      <c r="D123" s="2" t="s">
        <v>79</v>
      </c>
      <c r="E123" s="2" t="s">
        <v>74</v>
      </c>
      <c r="F123" s="2" t="s">
        <v>80</v>
      </c>
      <c r="G123" s="3">
        <v>6</v>
      </c>
      <c r="H123" s="2" t="s">
        <v>36</v>
      </c>
      <c r="I123" s="3">
        <v>2020</v>
      </c>
      <c r="J123" s="2" t="s">
        <v>76</v>
      </c>
      <c r="K123" s="2"/>
      <c r="L123" s="2" t="s">
        <v>81</v>
      </c>
    </row>
    <row r="124" spans="1:12" ht="15.2" customHeight="1">
      <c r="A124" s="2" t="s">
        <v>335</v>
      </c>
      <c r="B124" s="2" t="s">
        <v>152</v>
      </c>
      <c r="C124" s="2" t="s">
        <v>83</v>
      </c>
      <c r="D124" s="2" t="s">
        <v>84</v>
      </c>
      <c r="E124" s="2" t="s">
        <v>85</v>
      </c>
      <c r="F124" s="2" t="s">
        <v>86</v>
      </c>
      <c r="G124" s="3">
        <v>5</v>
      </c>
      <c r="H124" s="2" t="s">
        <v>70</v>
      </c>
      <c r="I124" s="3">
        <v>2014</v>
      </c>
      <c r="J124" s="2" t="s">
        <v>19</v>
      </c>
      <c r="K124" s="2"/>
      <c r="L124" s="2" t="s">
        <v>87</v>
      </c>
    </row>
    <row r="125" spans="1:12" ht="15.2" customHeight="1">
      <c r="A125" s="2" t="s">
        <v>335</v>
      </c>
      <c r="B125" s="2" t="s">
        <v>153</v>
      </c>
      <c r="C125" s="2" t="s">
        <v>89</v>
      </c>
      <c r="D125" s="2" t="s">
        <v>90</v>
      </c>
      <c r="E125" s="2" t="s">
        <v>85</v>
      </c>
      <c r="F125" s="2" t="s">
        <v>91</v>
      </c>
      <c r="G125" s="3">
        <v>6</v>
      </c>
      <c r="H125" s="2" t="s">
        <v>70</v>
      </c>
      <c r="I125" s="3">
        <v>2014</v>
      </c>
      <c r="J125" s="2" t="s">
        <v>19</v>
      </c>
      <c r="K125" s="2"/>
      <c r="L125" s="2" t="s">
        <v>92</v>
      </c>
    </row>
    <row r="126" spans="1:12" ht="15.2" customHeight="1">
      <c r="A126" s="2" t="s">
        <v>335</v>
      </c>
      <c r="B126" s="2" t="s">
        <v>154</v>
      </c>
      <c r="C126" s="2" t="s">
        <v>339</v>
      </c>
      <c r="D126" s="2" t="s">
        <v>242</v>
      </c>
      <c r="E126" s="2" t="s">
        <v>243</v>
      </c>
      <c r="F126" s="2" t="s">
        <v>340</v>
      </c>
      <c r="G126" s="3">
        <v>3</v>
      </c>
      <c r="H126" s="2" t="s">
        <v>245</v>
      </c>
      <c r="I126" s="3">
        <v>2007</v>
      </c>
      <c r="J126" s="2" t="s">
        <v>19</v>
      </c>
      <c r="K126" s="2"/>
      <c r="L126" s="2" t="s">
        <v>341</v>
      </c>
    </row>
    <row r="127" spans="1:12" ht="15.2" customHeight="1">
      <c r="A127" s="2" t="s">
        <v>335</v>
      </c>
      <c r="B127" s="2" t="s">
        <v>155</v>
      </c>
      <c r="C127" s="2" t="s">
        <v>342</v>
      </c>
      <c r="D127" s="2" t="s">
        <v>242</v>
      </c>
      <c r="E127" s="2" t="s">
        <v>243</v>
      </c>
      <c r="F127" s="2" t="s">
        <v>343</v>
      </c>
      <c r="G127" s="3">
        <v>4</v>
      </c>
      <c r="H127" s="2" t="s">
        <v>245</v>
      </c>
      <c r="I127" s="3">
        <v>2007</v>
      </c>
      <c r="J127" s="2" t="s">
        <v>19</v>
      </c>
      <c r="K127" s="2"/>
      <c r="L127" s="2" t="s">
        <v>344</v>
      </c>
    </row>
    <row r="128" spans="1:12" ht="15.2" customHeight="1">
      <c r="A128" s="2" t="s">
        <v>335</v>
      </c>
      <c r="B128" s="2" t="s">
        <v>156</v>
      </c>
      <c r="C128" s="2" t="s">
        <v>353</v>
      </c>
      <c r="D128" s="2" t="s">
        <v>354</v>
      </c>
      <c r="E128" s="2" t="s">
        <v>355</v>
      </c>
      <c r="F128" s="2" t="s">
        <v>356</v>
      </c>
      <c r="G128" s="3">
        <v>1</v>
      </c>
      <c r="H128" s="2" t="s">
        <v>357</v>
      </c>
      <c r="I128" s="3">
        <v>2010</v>
      </c>
      <c r="J128" s="2" t="s">
        <v>76</v>
      </c>
      <c r="K128" s="2"/>
      <c r="L128" s="2" t="s">
        <v>358</v>
      </c>
    </row>
    <row r="129" spans="1:12" ht="15.2" customHeight="1">
      <c r="A129" s="2" t="s">
        <v>335</v>
      </c>
      <c r="B129" s="2" t="s">
        <v>161</v>
      </c>
      <c r="C129" s="2" t="s">
        <v>359</v>
      </c>
      <c r="D129" s="2" t="s">
        <v>360</v>
      </c>
      <c r="E129" s="2" t="s">
        <v>260</v>
      </c>
      <c r="F129" s="2" t="s">
        <v>361</v>
      </c>
      <c r="G129" s="3">
        <v>3</v>
      </c>
      <c r="H129" s="2" t="s">
        <v>245</v>
      </c>
      <c r="I129" s="3">
        <v>2012</v>
      </c>
      <c r="J129" s="2" t="s">
        <v>76</v>
      </c>
      <c r="K129" s="2"/>
      <c r="L129" s="2" t="s">
        <v>362</v>
      </c>
    </row>
    <row r="130" spans="1:12" ht="15.2" customHeight="1">
      <c r="A130" s="2" t="s">
        <v>335</v>
      </c>
      <c r="B130" s="2" t="s">
        <v>334</v>
      </c>
      <c r="C130" s="2" t="s">
        <v>363</v>
      </c>
      <c r="D130" s="2" t="s">
        <v>364</v>
      </c>
      <c r="E130" s="2" t="s">
        <v>260</v>
      </c>
      <c r="F130" s="2" t="s">
        <v>365</v>
      </c>
      <c r="G130" s="3">
        <v>4</v>
      </c>
      <c r="H130" s="2" t="s">
        <v>245</v>
      </c>
      <c r="I130" s="3">
        <v>2012</v>
      </c>
      <c r="J130" s="2" t="s">
        <v>76</v>
      </c>
      <c r="K130" s="2"/>
      <c r="L130" s="2" t="s">
        <v>366</v>
      </c>
    </row>
    <row r="131" spans="1:12" ht="15.2" customHeight="1">
      <c r="A131" s="2" t="s">
        <v>335</v>
      </c>
      <c r="B131" s="2" t="s">
        <v>165</v>
      </c>
      <c r="C131" s="2" t="s">
        <v>367</v>
      </c>
      <c r="D131" s="2" t="s">
        <v>368</v>
      </c>
      <c r="E131" s="2" t="s">
        <v>270</v>
      </c>
      <c r="F131" s="2" t="s">
        <v>369</v>
      </c>
      <c r="G131" s="3">
        <v>4</v>
      </c>
      <c r="H131" s="2" t="s">
        <v>70</v>
      </c>
      <c r="I131" s="3">
        <v>2015</v>
      </c>
      <c r="J131" s="2" t="s">
        <v>19</v>
      </c>
      <c r="K131" s="2"/>
      <c r="L131" s="2" t="s">
        <v>370</v>
      </c>
    </row>
    <row r="132" spans="1:12" ht="15.2" customHeight="1">
      <c r="A132" s="2" t="s">
        <v>426</v>
      </c>
      <c r="B132" s="2" t="s">
        <v>14</v>
      </c>
      <c r="C132" s="2" t="s">
        <v>427</v>
      </c>
      <c r="D132" s="2" t="s">
        <v>16</v>
      </c>
      <c r="E132" s="2" t="s">
        <v>16</v>
      </c>
      <c r="F132" s="2" t="s">
        <v>428</v>
      </c>
      <c r="G132" s="3">
        <v>20</v>
      </c>
      <c r="H132" s="2" t="s">
        <v>18</v>
      </c>
      <c r="I132" s="3">
        <v>2015</v>
      </c>
      <c r="J132" s="2" t="s">
        <v>19</v>
      </c>
      <c r="K132" s="2"/>
      <c r="L132" s="2" t="s">
        <v>429</v>
      </c>
    </row>
    <row r="133" spans="1:12" ht="15.2" customHeight="1">
      <c r="A133" s="2" t="s">
        <v>426</v>
      </c>
      <c r="B133" s="2" t="s">
        <v>21</v>
      </c>
      <c r="C133" s="2" t="s">
        <v>430</v>
      </c>
      <c r="D133" s="2" t="s">
        <v>242</v>
      </c>
      <c r="E133" s="2" t="s">
        <v>243</v>
      </c>
      <c r="F133" s="2" t="s">
        <v>431</v>
      </c>
      <c r="G133" s="3">
        <v>5</v>
      </c>
      <c r="H133" s="2" t="s">
        <v>245</v>
      </c>
      <c r="I133" s="3">
        <v>2007</v>
      </c>
      <c r="J133" s="2" t="s">
        <v>19</v>
      </c>
      <c r="K133" s="2"/>
      <c r="L133" s="2" t="s">
        <v>432</v>
      </c>
    </row>
    <row r="134" spans="1:12" ht="15.2" customHeight="1">
      <c r="A134" s="2" t="s">
        <v>426</v>
      </c>
      <c r="B134" s="2" t="s">
        <v>27</v>
      </c>
      <c r="C134" s="2" t="s">
        <v>433</v>
      </c>
      <c r="D134" s="2" t="s">
        <v>242</v>
      </c>
      <c r="E134" s="2" t="s">
        <v>243</v>
      </c>
      <c r="F134" s="2" t="s">
        <v>434</v>
      </c>
      <c r="G134" s="3">
        <v>6</v>
      </c>
      <c r="H134" s="2" t="s">
        <v>245</v>
      </c>
      <c r="I134" s="3">
        <v>2007</v>
      </c>
      <c r="J134" s="2" t="s">
        <v>19</v>
      </c>
      <c r="K134" s="2"/>
      <c r="L134" s="2" t="s">
        <v>435</v>
      </c>
    </row>
    <row r="135" spans="1:12" ht="15.2" customHeight="1">
      <c r="A135" s="2" t="s">
        <v>426</v>
      </c>
      <c r="B135" s="2" t="s">
        <v>31</v>
      </c>
      <c r="C135" s="2" t="s">
        <v>436</v>
      </c>
      <c r="D135" s="2" t="s">
        <v>437</v>
      </c>
      <c r="E135" s="2" t="s">
        <v>68</v>
      </c>
      <c r="F135" s="2" t="s">
        <v>438</v>
      </c>
      <c r="G135" s="3">
        <v>4</v>
      </c>
      <c r="H135" s="2" t="s">
        <v>70</v>
      </c>
      <c r="I135" s="3">
        <v>2009</v>
      </c>
      <c r="J135" s="2" t="s">
        <v>53</v>
      </c>
      <c r="K135" s="2"/>
      <c r="L135" s="2" t="s">
        <v>439</v>
      </c>
    </row>
    <row r="136" spans="1:12" ht="15.2" customHeight="1">
      <c r="A136" s="2" t="s">
        <v>426</v>
      </c>
      <c r="B136" s="2" t="s">
        <v>38</v>
      </c>
      <c r="C136" s="2" t="s">
        <v>440</v>
      </c>
      <c r="D136" s="2" t="s">
        <v>441</v>
      </c>
      <c r="E136" s="2" t="s">
        <v>68</v>
      </c>
      <c r="F136" s="2" t="s">
        <v>442</v>
      </c>
      <c r="G136" s="3">
        <v>9</v>
      </c>
      <c r="H136" s="2" t="s">
        <v>70</v>
      </c>
      <c r="I136" s="3">
        <v>2018</v>
      </c>
      <c r="J136" s="2" t="s">
        <v>76</v>
      </c>
      <c r="K136" s="2"/>
      <c r="L136" s="2" t="s">
        <v>443</v>
      </c>
    </row>
    <row r="137" spans="1:12" ht="15.2" customHeight="1">
      <c r="A137" s="2" t="s">
        <v>426</v>
      </c>
      <c r="B137" s="2" t="s">
        <v>43</v>
      </c>
      <c r="C137" s="2" t="s">
        <v>444</v>
      </c>
      <c r="D137" s="2" t="s">
        <v>445</v>
      </c>
      <c r="E137" s="2" t="s">
        <v>355</v>
      </c>
      <c r="F137" s="2" t="s">
        <v>446</v>
      </c>
      <c r="G137" s="3">
        <v>2</v>
      </c>
      <c r="H137" s="2" t="s">
        <v>357</v>
      </c>
      <c r="I137" s="3">
        <v>2010</v>
      </c>
      <c r="J137" s="2" t="s">
        <v>76</v>
      </c>
      <c r="K137" s="2"/>
      <c r="L137" s="2" t="s">
        <v>447</v>
      </c>
    </row>
    <row r="138" spans="1:12" ht="15.2" customHeight="1">
      <c r="A138" s="2" t="s">
        <v>426</v>
      </c>
      <c r="B138" s="2" t="s">
        <v>48</v>
      </c>
      <c r="C138" s="2" t="s">
        <v>448</v>
      </c>
      <c r="D138" s="2" t="s">
        <v>449</v>
      </c>
      <c r="E138" s="2" t="s">
        <v>260</v>
      </c>
      <c r="F138" s="2" t="s">
        <v>450</v>
      </c>
      <c r="G138" s="3">
        <v>5</v>
      </c>
      <c r="H138" s="2" t="s">
        <v>245</v>
      </c>
      <c r="I138" s="3">
        <v>2012</v>
      </c>
      <c r="J138" s="2" t="s">
        <v>76</v>
      </c>
      <c r="K138" s="2"/>
      <c r="L138" s="2" t="s">
        <v>451</v>
      </c>
    </row>
    <row r="139" spans="1:12" ht="15.2" customHeight="1">
      <c r="A139" s="2" t="s">
        <v>426</v>
      </c>
      <c r="B139" s="2" t="s">
        <v>263</v>
      </c>
      <c r="C139" s="2" t="s">
        <v>452</v>
      </c>
      <c r="D139" s="2" t="s">
        <v>453</v>
      </c>
      <c r="E139" s="2" t="s">
        <v>260</v>
      </c>
      <c r="F139" s="2" t="s">
        <v>454</v>
      </c>
      <c r="G139" s="3">
        <v>6</v>
      </c>
      <c r="H139" s="2" t="s">
        <v>245</v>
      </c>
      <c r="I139" s="3">
        <v>2012</v>
      </c>
      <c r="J139" s="2" t="s">
        <v>76</v>
      </c>
      <c r="K139" s="2"/>
      <c r="L139" s="2" t="s">
        <v>455</v>
      </c>
    </row>
    <row r="140" spans="1:12" ht="15.2" customHeight="1">
      <c r="A140" s="2" t="s">
        <v>426</v>
      </c>
      <c r="B140" s="2" t="s">
        <v>55</v>
      </c>
      <c r="C140" s="2" t="s">
        <v>456</v>
      </c>
      <c r="D140" s="2" t="s">
        <v>457</v>
      </c>
      <c r="E140" s="2" t="s">
        <v>270</v>
      </c>
      <c r="F140" s="2" t="s">
        <v>458</v>
      </c>
      <c r="G140" s="3">
        <v>5</v>
      </c>
      <c r="H140" s="2" t="s">
        <v>70</v>
      </c>
      <c r="I140" s="3">
        <v>2015</v>
      </c>
      <c r="J140" s="2" t="s">
        <v>19</v>
      </c>
      <c r="K140" s="2"/>
      <c r="L140" s="2" t="s">
        <v>272</v>
      </c>
    </row>
    <row r="141" spans="1:12" ht="15.2" customHeight="1">
      <c r="A141" s="2" t="s">
        <v>426</v>
      </c>
      <c r="B141" s="2" t="s">
        <v>60</v>
      </c>
      <c r="C141" s="2" t="s">
        <v>459</v>
      </c>
      <c r="D141" s="2" t="s">
        <v>460</v>
      </c>
      <c r="E141" s="2" t="s">
        <v>270</v>
      </c>
      <c r="F141" s="2" t="s">
        <v>461</v>
      </c>
      <c r="G141" s="3">
        <v>2</v>
      </c>
      <c r="H141" s="2" t="s">
        <v>70</v>
      </c>
      <c r="I141" s="3">
        <v>2015</v>
      </c>
      <c r="J141" s="2" t="s">
        <v>19</v>
      </c>
      <c r="K141" s="2"/>
      <c r="L141" s="2" t="s">
        <v>462</v>
      </c>
    </row>
    <row r="142" spans="1:12" ht="15.2" customHeight="1">
      <c r="A142" s="2" t="s">
        <v>426</v>
      </c>
      <c r="B142" s="2" t="s">
        <v>65</v>
      </c>
      <c r="C142" s="2" t="s">
        <v>463</v>
      </c>
      <c r="D142" s="2" t="s">
        <v>464</v>
      </c>
      <c r="E142" s="2" t="s">
        <v>51</v>
      </c>
      <c r="F142" s="2" t="s">
        <v>465</v>
      </c>
      <c r="G142" s="3">
        <v>7</v>
      </c>
      <c r="H142" s="2" t="s">
        <v>36</v>
      </c>
      <c r="I142" s="3">
        <v>2019</v>
      </c>
      <c r="J142" s="2" t="s">
        <v>53</v>
      </c>
      <c r="K142" s="2"/>
      <c r="L142" s="2" t="s">
        <v>466</v>
      </c>
    </row>
    <row r="143" spans="1:12" ht="15.2" customHeight="1">
      <c r="A143" s="2" t="s">
        <v>426</v>
      </c>
      <c r="B143" s="2" t="s">
        <v>72</v>
      </c>
      <c r="C143" s="2" t="s">
        <v>467</v>
      </c>
      <c r="D143" s="2" t="s">
        <v>468</v>
      </c>
      <c r="E143" s="2" t="s">
        <v>51</v>
      </c>
      <c r="F143" s="2" t="s">
        <v>469</v>
      </c>
      <c r="G143" s="3">
        <v>6</v>
      </c>
      <c r="H143" s="2" t="s">
        <v>36</v>
      </c>
      <c r="I143" s="3">
        <v>2019</v>
      </c>
      <c r="J143" s="2" t="s">
        <v>53</v>
      </c>
      <c r="K143" s="2"/>
      <c r="L143" s="2" t="s">
        <v>470</v>
      </c>
    </row>
    <row r="144" spans="1:12" ht="15.2" customHeight="1">
      <c r="A144" s="2" t="s">
        <v>426</v>
      </c>
      <c r="B144" s="2" t="s">
        <v>78</v>
      </c>
      <c r="C144" s="2" t="s">
        <v>61</v>
      </c>
      <c r="D144" s="2" t="s">
        <v>62</v>
      </c>
      <c r="E144" s="2" t="s">
        <v>51</v>
      </c>
      <c r="F144" s="2" t="s">
        <v>63</v>
      </c>
      <c r="G144" s="3">
        <v>10</v>
      </c>
      <c r="H144" s="2" t="s">
        <v>36</v>
      </c>
      <c r="I144" s="3">
        <v>2019</v>
      </c>
      <c r="J144" s="2" t="s">
        <v>53</v>
      </c>
      <c r="K144" s="2"/>
      <c r="L144" s="2" t="s">
        <v>64</v>
      </c>
    </row>
    <row r="145" spans="1:12" ht="15.2" customHeight="1">
      <c r="A145" s="2" t="s">
        <v>426</v>
      </c>
      <c r="B145" s="2" t="s">
        <v>82</v>
      </c>
      <c r="C145" s="2" t="s">
        <v>56</v>
      </c>
      <c r="D145" s="2" t="s">
        <v>57</v>
      </c>
      <c r="E145" s="2" t="s">
        <v>51</v>
      </c>
      <c r="F145" s="2" t="s">
        <v>58</v>
      </c>
      <c r="G145" s="3">
        <v>9</v>
      </c>
      <c r="H145" s="2" t="s">
        <v>36</v>
      </c>
      <c r="I145" s="3">
        <v>2019</v>
      </c>
      <c r="J145" s="2" t="s">
        <v>53</v>
      </c>
      <c r="K145" s="2"/>
      <c r="L145" s="2" t="s">
        <v>59</v>
      </c>
    </row>
    <row r="146" spans="1:12" ht="15.2" customHeight="1">
      <c r="A146" s="2" t="s">
        <v>426</v>
      </c>
      <c r="B146" s="2" t="s">
        <v>88</v>
      </c>
      <c r="C146" s="2" t="s">
        <v>49</v>
      </c>
      <c r="D146" s="2" t="s">
        <v>50</v>
      </c>
      <c r="E146" s="2" t="s">
        <v>51</v>
      </c>
      <c r="F146" s="2" t="s">
        <v>52</v>
      </c>
      <c r="G146" s="3">
        <v>8</v>
      </c>
      <c r="H146" s="2" t="s">
        <v>36</v>
      </c>
      <c r="I146" s="3">
        <v>2019</v>
      </c>
      <c r="J146" s="2" t="s">
        <v>53</v>
      </c>
      <c r="K146" s="2"/>
      <c r="L146" s="2" t="s">
        <v>54</v>
      </c>
    </row>
    <row r="147" spans="1:12" ht="15.2" customHeight="1">
      <c r="A147" s="2" t="s">
        <v>426</v>
      </c>
      <c r="B147" s="2" t="s">
        <v>93</v>
      </c>
      <c r="C147" s="2" t="s">
        <v>471</v>
      </c>
      <c r="D147" s="2" t="s">
        <v>472</v>
      </c>
      <c r="E147" s="2" t="s">
        <v>291</v>
      </c>
      <c r="F147" s="2" t="s">
        <v>473</v>
      </c>
      <c r="G147" s="3">
        <v>8</v>
      </c>
      <c r="H147" s="2" t="s">
        <v>70</v>
      </c>
      <c r="I147" s="3">
        <v>2016</v>
      </c>
      <c r="J147" s="2" t="s">
        <v>293</v>
      </c>
      <c r="K147" s="2"/>
      <c r="L147" s="2" t="s">
        <v>474</v>
      </c>
    </row>
    <row r="148" spans="1:12" ht="15.2" customHeight="1">
      <c r="A148" s="2" t="s">
        <v>426</v>
      </c>
      <c r="B148" s="2" t="s">
        <v>105</v>
      </c>
      <c r="C148" s="2" t="s">
        <v>475</v>
      </c>
      <c r="D148" s="2" t="s">
        <v>476</v>
      </c>
      <c r="E148" s="2" t="s">
        <v>291</v>
      </c>
      <c r="F148" s="2" t="s">
        <v>477</v>
      </c>
      <c r="G148" s="3">
        <v>7</v>
      </c>
      <c r="H148" s="2" t="s">
        <v>70</v>
      </c>
      <c r="I148" s="3">
        <v>2018</v>
      </c>
      <c r="J148" s="2" t="s">
        <v>293</v>
      </c>
      <c r="K148" s="2"/>
      <c r="L148" s="2" t="s">
        <v>478</v>
      </c>
    </row>
    <row r="149" spans="1:12" ht="15.2" customHeight="1">
      <c r="A149" s="2" t="s">
        <v>426</v>
      </c>
      <c r="B149" s="2" t="s">
        <v>115</v>
      </c>
      <c r="C149" s="2"/>
      <c r="D149" s="2" t="s">
        <v>479</v>
      </c>
      <c r="E149" s="2" t="s">
        <v>403</v>
      </c>
      <c r="F149" s="2" t="s">
        <v>480</v>
      </c>
      <c r="G149" s="3">
        <v>2</v>
      </c>
      <c r="H149" s="2" t="s">
        <v>70</v>
      </c>
      <c r="I149" s="3">
        <v>2019</v>
      </c>
      <c r="J149" s="2" t="s">
        <v>98</v>
      </c>
      <c r="K149" s="2"/>
      <c r="L149" s="2" t="s">
        <v>481</v>
      </c>
    </row>
    <row r="150" spans="1:12" ht="15.2" customHeight="1">
      <c r="A150" s="2" t="s">
        <v>426</v>
      </c>
      <c r="B150" s="2" t="s">
        <v>125</v>
      </c>
      <c r="C150" s="2" t="s">
        <v>482</v>
      </c>
      <c r="D150" s="2" t="s">
        <v>483</v>
      </c>
      <c r="E150" s="2" t="s">
        <v>301</v>
      </c>
      <c r="F150" s="2" t="s">
        <v>484</v>
      </c>
      <c r="G150" s="3">
        <v>2</v>
      </c>
      <c r="H150" s="2" t="s">
        <v>70</v>
      </c>
      <c r="I150" s="3">
        <v>2012</v>
      </c>
      <c r="J150" s="2" t="s">
        <v>76</v>
      </c>
      <c r="K150" s="2"/>
      <c r="L150" s="2" t="s">
        <v>485</v>
      </c>
    </row>
    <row r="151" spans="1:12" ht="15.2" customHeight="1">
      <c r="A151" s="2" t="s">
        <v>426</v>
      </c>
      <c r="B151" s="2" t="s">
        <v>132</v>
      </c>
      <c r="C151" s="2" t="s">
        <v>486</v>
      </c>
      <c r="D151" s="2" t="s">
        <v>487</v>
      </c>
      <c r="E151" s="2" t="s">
        <v>488</v>
      </c>
      <c r="F151" s="2" t="s">
        <v>489</v>
      </c>
      <c r="G151" s="3">
        <v>4</v>
      </c>
      <c r="H151" s="2" t="s">
        <v>36</v>
      </c>
      <c r="I151" s="3">
        <v>2020</v>
      </c>
      <c r="J151" s="2" t="s">
        <v>19</v>
      </c>
      <c r="K151" s="2"/>
      <c r="L151" s="2" t="s">
        <v>490</v>
      </c>
    </row>
    <row r="152" spans="1:12" ht="15.2" customHeight="1">
      <c r="A152" s="2" t="s">
        <v>426</v>
      </c>
      <c r="B152" s="2" t="s">
        <v>136</v>
      </c>
      <c r="C152" s="2"/>
      <c r="D152" s="2" t="s">
        <v>491</v>
      </c>
      <c r="E152" s="2" t="s">
        <v>488</v>
      </c>
      <c r="F152" s="2" t="s">
        <v>492</v>
      </c>
      <c r="G152" s="3">
        <v>6</v>
      </c>
      <c r="H152" s="2" t="s">
        <v>36</v>
      </c>
      <c r="I152" s="3">
        <v>2020</v>
      </c>
      <c r="J152" s="2" t="s">
        <v>19</v>
      </c>
      <c r="K152" s="2"/>
      <c r="L152" s="2" t="s">
        <v>493</v>
      </c>
    </row>
    <row r="153" spans="1:12" ht="15.2" customHeight="1">
      <c r="A153" s="2" t="s">
        <v>426</v>
      </c>
      <c r="B153" s="2" t="s">
        <v>140</v>
      </c>
      <c r="C153" s="2"/>
      <c r="D153" s="2" t="s">
        <v>494</v>
      </c>
      <c r="E153" s="2" t="s">
        <v>488</v>
      </c>
      <c r="F153" s="2" t="s">
        <v>495</v>
      </c>
      <c r="G153" s="3">
        <v>5</v>
      </c>
      <c r="H153" s="2" t="s">
        <v>36</v>
      </c>
      <c r="I153" s="3">
        <v>2020</v>
      </c>
      <c r="J153" s="2" t="s">
        <v>19</v>
      </c>
      <c r="K153" s="2"/>
      <c r="L153" s="2" t="s">
        <v>496</v>
      </c>
    </row>
    <row r="154" spans="1:12" ht="15.2" customHeight="1">
      <c r="A154" s="2" t="s">
        <v>426</v>
      </c>
      <c r="B154" s="2" t="s">
        <v>145</v>
      </c>
      <c r="C154" s="2" t="s">
        <v>497</v>
      </c>
      <c r="D154" s="2" t="s">
        <v>498</v>
      </c>
      <c r="E154" s="2" t="s">
        <v>499</v>
      </c>
      <c r="F154" s="2" t="s">
        <v>500</v>
      </c>
      <c r="G154" s="3">
        <v>2</v>
      </c>
      <c r="H154" s="2" t="s">
        <v>36</v>
      </c>
      <c r="I154" s="3">
        <v>2019</v>
      </c>
      <c r="J154" s="2" t="s">
        <v>19</v>
      </c>
      <c r="K154" s="2"/>
      <c r="L154" s="2" t="s">
        <v>501</v>
      </c>
    </row>
    <row r="155" spans="1:12" ht="15.2" customHeight="1">
      <c r="A155" s="2" t="s">
        <v>426</v>
      </c>
      <c r="B155" s="2" t="s">
        <v>150</v>
      </c>
      <c r="C155" s="2" t="s">
        <v>502</v>
      </c>
      <c r="D155" s="2" t="s">
        <v>503</v>
      </c>
      <c r="E155" s="2" t="s">
        <v>488</v>
      </c>
      <c r="F155" s="2" t="s">
        <v>504</v>
      </c>
      <c r="G155" s="3">
        <v>1</v>
      </c>
      <c r="H155" s="2" t="s">
        <v>36</v>
      </c>
      <c r="I155" s="3">
        <v>2020</v>
      </c>
      <c r="J155" s="2" t="s">
        <v>19</v>
      </c>
      <c r="K155" s="2"/>
      <c r="L155" s="2" t="s">
        <v>505</v>
      </c>
    </row>
    <row r="156" spans="1:12" ht="15.2" customHeight="1">
      <c r="A156" s="2" t="s">
        <v>426</v>
      </c>
      <c r="B156" s="2" t="s">
        <v>151</v>
      </c>
      <c r="C156" s="2" t="s">
        <v>506</v>
      </c>
      <c r="D156" s="2" t="s">
        <v>507</v>
      </c>
      <c r="E156" s="2" t="s">
        <v>488</v>
      </c>
      <c r="F156" s="2" t="s">
        <v>508</v>
      </c>
      <c r="G156" s="3">
        <v>3</v>
      </c>
      <c r="H156" s="2" t="s">
        <v>36</v>
      </c>
      <c r="I156" s="3">
        <v>2020</v>
      </c>
      <c r="J156" s="2" t="s">
        <v>19</v>
      </c>
      <c r="K156" s="2"/>
      <c r="L156" s="2" t="s">
        <v>509</v>
      </c>
    </row>
    <row r="157" spans="1:12" ht="15.2" customHeight="1">
      <c r="A157" s="2" t="s">
        <v>426</v>
      </c>
      <c r="B157" s="2" t="s">
        <v>152</v>
      </c>
      <c r="C157" s="2" t="s">
        <v>510</v>
      </c>
      <c r="D157" s="2" t="s">
        <v>511</v>
      </c>
      <c r="E157" s="2" t="s">
        <v>488</v>
      </c>
      <c r="F157" s="2" t="s">
        <v>512</v>
      </c>
      <c r="G157" s="3">
        <v>2</v>
      </c>
      <c r="H157" s="2" t="s">
        <v>36</v>
      </c>
      <c r="I157" s="3">
        <v>2020</v>
      </c>
      <c r="J157" s="2" t="s">
        <v>19</v>
      </c>
      <c r="K157" s="2"/>
      <c r="L157" s="2" t="s">
        <v>513</v>
      </c>
    </row>
    <row r="158" spans="1:12" ht="15.2" customHeight="1">
      <c r="A158" s="2" t="s">
        <v>426</v>
      </c>
      <c r="B158" s="2" t="s">
        <v>153</v>
      </c>
      <c r="C158" s="2" t="s">
        <v>514</v>
      </c>
      <c r="D158" s="2" t="s">
        <v>515</v>
      </c>
      <c r="E158" s="2" t="s">
        <v>499</v>
      </c>
      <c r="F158" s="2" t="s">
        <v>516</v>
      </c>
      <c r="G158" s="3">
        <v>3</v>
      </c>
      <c r="H158" s="2" t="s">
        <v>36</v>
      </c>
      <c r="I158" s="3">
        <v>2019</v>
      </c>
      <c r="J158" s="2" t="s">
        <v>19</v>
      </c>
      <c r="K158" s="2"/>
      <c r="L158" s="2" t="s">
        <v>517</v>
      </c>
    </row>
    <row r="159" spans="1:12" ht="15.2" customHeight="1">
      <c r="A159" s="2" t="s">
        <v>426</v>
      </c>
      <c r="B159" s="2" t="s">
        <v>154</v>
      </c>
      <c r="C159" s="2" t="s">
        <v>430</v>
      </c>
      <c r="D159" s="2" t="s">
        <v>242</v>
      </c>
      <c r="E159" s="2" t="s">
        <v>243</v>
      </c>
      <c r="F159" s="2" t="s">
        <v>431</v>
      </c>
      <c r="G159" s="3">
        <v>5</v>
      </c>
      <c r="H159" s="2" t="s">
        <v>245</v>
      </c>
      <c r="I159" s="3">
        <v>2007</v>
      </c>
      <c r="J159" s="2" t="s">
        <v>19</v>
      </c>
      <c r="K159" s="2"/>
      <c r="L159" s="2" t="s">
        <v>432</v>
      </c>
    </row>
    <row r="160" spans="1:12" ht="15.2" customHeight="1">
      <c r="A160" s="2" t="s">
        <v>426</v>
      </c>
      <c r="B160" s="2" t="s">
        <v>155</v>
      </c>
      <c r="C160" s="2" t="s">
        <v>433</v>
      </c>
      <c r="D160" s="2" t="s">
        <v>242</v>
      </c>
      <c r="E160" s="2" t="s">
        <v>243</v>
      </c>
      <c r="F160" s="2" t="s">
        <v>434</v>
      </c>
      <c r="G160" s="3">
        <v>6</v>
      </c>
      <c r="H160" s="2" t="s">
        <v>245</v>
      </c>
      <c r="I160" s="3">
        <v>2007</v>
      </c>
      <c r="J160" s="2" t="s">
        <v>19</v>
      </c>
      <c r="K160" s="2"/>
      <c r="L160" s="2" t="s">
        <v>435</v>
      </c>
    </row>
    <row r="161" spans="1:12" ht="15.2" customHeight="1">
      <c r="A161" s="2" t="s">
        <v>426</v>
      </c>
      <c r="B161" s="2" t="s">
        <v>156</v>
      </c>
      <c r="C161" s="2" t="s">
        <v>444</v>
      </c>
      <c r="D161" s="2" t="s">
        <v>445</v>
      </c>
      <c r="E161" s="2" t="s">
        <v>355</v>
      </c>
      <c r="F161" s="2" t="s">
        <v>446</v>
      </c>
      <c r="G161" s="3">
        <v>2</v>
      </c>
      <c r="H161" s="2" t="s">
        <v>357</v>
      </c>
      <c r="I161" s="3">
        <v>2010</v>
      </c>
      <c r="J161" s="2" t="s">
        <v>76</v>
      </c>
      <c r="K161" s="2"/>
      <c r="L161" s="2" t="s">
        <v>447</v>
      </c>
    </row>
    <row r="162" spans="1:12" ht="15.2" customHeight="1">
      <c r="A162" s="2" t="s">
        <v>426</v>
      </c>
      <c r="B162" s="2" t="s">
        <v>161</v>
      </c>
      <c r="C162" s="2" t="s">
        <v>448</v>
      </c>
      <c r="D162" s="2" t="s">
        <v>449</v>
      </c>
      <c r="E162" s="2" t="s">
        <v>260</v>
      </c>
      <c r="F162" s="2" t="s">
        <v>450</v>
      </c>
      <c r="G162" s="3">
        <v>5</v>
      </c>
      <c r="H162" s="2" t="s">
        <v>245</v>
      </c>
      <c r="I162" s="3">
        <v>2012</v>
      </c>
      <c r="J162" s="2" t="s">
        <v>76</v>
      </c>
      <c r="K162" s="2"/>
      <c r="L162" s="2" t="s">
        <v>451</v>
      </c>
    </row>
    <row r="163" spans="1:12" ht="15.2" customHeight="1">
      <c r="A163" s="2" t="s">
        <v>426</v>
      </c>
      <c r="B163" s="2" t="s">
        <v>334</v>
      </c>
      <c r="C163" s="2" t="s">
        <v>452</v>
      </c>
      <c r="D163" s="2" t="s">
        <v>453</v>
      </c>
      <c r="E163" s="2" t="s">
        <v>260</v>
      </c>
      <c r="F163" s="2" t="s">
        <v>454</v>
      </c>
      <c r="G163" s="3">
        <v>6</v>
      </c>
      <c r="H163" s="2" t="s">
        <v>245</v>
      </c>
      <c r="I163" s="3">
        <v>2012</v>
      </c>
      <c r="J163" s="2" t="s">
        <v>76</v>
      </c>
      <c r="K163" s="2"/>
      <c r="L163" s="2" t="s">
        <v>455</v>
      </c>
    </row>
    <row r="164" spans="1:12" ht="15.2" customHeight="1">
      <c r="A164" s="2" t="s">
        <v>426</v>
      </c>
      <c r="B164" s="2" t="s">
        <v>165</v>
      </c>
      <c r="C164" s="2" t="s">
        <v>456</v>
      </c>
      <c r="D164" s="2" t="s">
        <v>457</v>
      </c>
      <c r="E164" s="2" t="s">
        <v>270</v>
      </c>
      <c r="F164" s="2" t="s">
        <v>458</v>
      </c>
      <c r="G164" s="3">
        <v>5</v>
      </c>
      <c r="H164" s="2" t="s">
        <v>70</v>
      </c>
      <c r="I164" s="3">
        <v>2015</v>
      </c>
      <c r="J164" s="2" t="s">
        <v>19</v>
      </c>
      <c r="K164" s="2"/>
      <c r="L164" s="2" t="s">
        <v>272</v>
      </c>
    </row>
    <row r="165" spans="1:12" ht="15.2" customHeight="1">
      <c r="A165" s="2" t="s">
        <v>518</v>
      </c>
      <c r="B165" s="2" t="s">
        <v>14</v>
      </c>
      <c r="C165" s="2" t="s">
        <v>519</v>
      </c>
      <c r="D165" s="2" t="s">
        <v>16</v>
      </c>
      <c r="E165" s="2" t="s">
        <v>16</v>
      </c>
      <c r="F165" s="2" t="s">
        <v>520</v>
      </c>
      <c r="G165" s="3">
        <v>21</v>
      </c>
      <c r="H165" s="2" t="s">
        <v>18</v>
      </c>
      <c r="I165" s="3">
        <v>2015</v>
      </c>
      <c r="J165" s="2" t="s">
        <v>19</v>
      </c>
      <c r="K165" s="2"/>
      <c r="L165" s="2" t="s">
        <v>338</v>
      </c>
    </row>
    <row r="166" spans="1:12" ht="15.2" customHeight="1">
      <c r="A166" s="2" t="s">
        <v>518</v>
      </c>
      <c r="B166" s="2" t="s">
        <v>21</v>
      </c>
      <c r="C166" s="2" t="s">
        <v>521</v>
      </c>
      <c r="D166" s="2" t="s">
        <v>242</v>
      </c>
      <c r="E166" s="2" t="s">
        <v>243</v>
      </c>
      <c r="F166" s="2" t="s">
        <v>522</v>
      </c>
      <c r="G166" s="3">
        <v>7</v>
      </c>
      <c r="H166" s="2" t="s">
        <v>245</v>
      </c>
      <c r="I166" s="3">
        <v>2007</v>
      </c>
      <c r="J166" s="2" t="s">
        <v>19</v>
      </c>
      <c r="K166" s="2"/>
      <c r="L166" s="2" t="s">
        <v>523</v>
      </c>
    </row>
    <row r="167" spans="1:12" ht="15.2" customHeight="1">
      <c r="A167" s="2" t="s">
        <v>518</v>
      </c>
      <c r="B167" s="2" t="s">
        <v>27</v>
      </c>
      <c r="C167" s="2" t="s">
        <v>524</v>
      </c>
      <c r="D167" s="2" t="s">
        <v>242</v>
      </c>
      <c r="E167" s="2" t="s">
        <v>243</v>
      </c>
      <c r="F167" s="2" t="s">
        <v>525</v>
      </c>
      <c r="G167" s="3">
        <v>8</v>
      </c>
      <c r="H167" s="2" t="s">
        <v>245</v>
      </c>
      <c r="I167" s="3">
        <v>2007</v>
      </c>
      <c r="J167" s="2" t="s">
        <v>19</v>
      </c>
      <c r="K167" s="2"/>
      <c r="L167" s="2" t="s">
        <v>526</v>
      </c>
    </row>
    <row r="168" spans="1:12" ht="15.2" customHeight="1">
      <c r="A168" s="2" t="s">
        <v>518</v>
      </c>
      <c r="B168" s="2" t="s">
        <v>31</v>
      </c>
      <c r="C168" s="2" t="s">
        <v>527</v>
      </c>
      <c r="D168" s="2" t="s">
        <v>528</v>
      </c>
      <c r="E168" s="2" t="s">
        <v>68</v>
      </c>
      <c r="F168" s="2" t="s">
        <v>529</v>
      </c>
      <c r="G168" s="3">
        <v>5</v>
      </c>
      <c r="H168" s="2" t="s">
        <v>70</v>
      </c>
      <c r="I168" s="3">
        <v>2009</v>
      </c>
      <c r="J168" s="2" t="s">
        <v>53</v>
      </c>
      <c r="K168" s="2"/>
      <c r="L168" s="2" t="s">
        <v>530</v>
      </c>
    </row>
    <row r="169" spans="1:12" ht="15.2" customHeight="1">
      <c r="A169" s="2" t="s">
        <v>518</v>
      </c>
      <c r="B169" s="2" t="s">
        <v>38</v>
      </c>
      <c r="C169" s="2" t="s">
        <v>531</v>
      </c>
      <c r="D169" s="2" t="s">
        <v>532</v>
      </c>
      <c r="E169" s="2" t="s">
        <v>68</v>
      </c>
      <c r="F169" s="2" t="s">
        <v>533</v>
      </c>
      <c r="G169" s="3">
        <v>10</v>
      </c>
      <c r="H169" s="2" t="s">
        <v>70</v>
      </c>
      <c r="I169" s="3">
        <v>2018</v>
      </c>
      <c r="J169" s="2" t="s">
        <v>76</v>
      </c>
      <c r="K169" s="2"/>
      <c r="L169" s="2" t="s">
        <v>534</v>
      </c>
    </row>
    <row r="170" spans="1:12" ht="15.2" customHeight="1">
      <c r="A170" s="2" t="s">
        <v>518</v>
      </c>
      <c r="B170" s="2" t="s">
        <v>43</v>
      </c>
      <c r="C170" s="2" t="s">
        <v>535</v>
      </c>
      <c r="D170" s="2" t="s">
        <v>536</v>
      </c>
      <c r="E170" s="2" t="s">
        <v>355</v>
      </c>
      <c r="F170" s="2" t="s">
        <v>537</v>
      </c>
      <c r="G170" s="3">
        <v>3</v>
      </c>
      <c r="H170" s="2" t="s">
        <v>357</v>
      </c>
      <c r="I170" s="3">
        <v>2010</v>
      </c>
      <c r="J170" s="2" t="s">
        <v>76</v>
      </c>
      <c r="K170" s="2"/>
      <c r="L170" s="2" t="s">
        <v>538</v>
      </c>
    </row>
    <row r="171" spans="1:12" ht="15.2" customHeight="1">
      <c r="A171" s="2" t="s">
        <v>518</v>
      </c>
      <c r="B171" s="2" t="s">
        <v>48</v>
      </c>
      <c r="C171" s="2" t="s">
        <v>539</v>
      </c>
      <c r="D171" s="2" t="s">
        <v>540</v>
      </c>
      <c r="E171" s="2" t="s">
        <v>260</v>
      </c>
      <c r="F171" s="2" t="s">
        <v>541</v>
      </c>
      <c r="G171" s="3">
        <v>7</v>
      </c>
      <c r="H171" s="2" t="s">
        <v>245</v>
      </c>
      <c r="I171" s="3">
        <v>2012</v>
      </c>
      <c r="J171" s="2" t="s">
        <v>76</v>
      </c>
      <c r="K171" s="2"/>
      <c r="L171" s="2" t="s">
        <v>542</v>
      </c>
    </row>
    <row r="172" spans="1:12" ht="15.2" customHeight="1">
      <c r="A172" s="2" t="s">
        <v>518</v>
      </c>
      <c r="B172" s="2" t="s">
        <v>263</v>
      </c>
      <c r="C172" s="2" t="s">
        <v>543</v>
      </c>
      <c r="D172" s="2" t="s">
        <v>544</v>
      </c>
      <c r="E172" s="2" t="s">
        <v>260</v>
      </c>
      <c r="F172" s="2" t="s">
        <v>545</v>
      </c>
      <c r="G172" s="3">
        <v>8</v>
      </c>
      <c r="H172" s="2" t="s">
        <v>245</v>
      </c>
      <c r="I172" s="3">
        <v>2012</v>
      </c>
      <c r="J172" s="2" t="s">
        <v>76</v>
      </c>
      <c r="K172" s="2"/>
      <c r="L172" s="2" t="s">
        <v>546</v>
      </c>
    </row>
    <row r="173" spans="1:12" ht="15.2" customHeight="1">
      <c r="A173" s="2" t="s">
        <v>518</v>
      </c>
      <c r="B173" s="2" t="s">
        <v>55</v>
      </c>
      <c r="C173" s="2" t="s">
        <v>547</v>
      </c>
      <c r="D173" s="2" t="s">
        <v>548</v>
      </c>
      <c r="E173" s="2" t="s">
        <v>270</v>
      </c>
      <c r="F173" s="2" t="s">
        <v>549</v>
      </c>
      <c r="G173" s="3">
        <v>8</v>
      </c>
      <c r="H173" s="2" t="s">
        <v>70</v>
      </c>
      <c r="I173" s="3">
        <v>2015</v>
      </c>
      <c r="J173" s="2" t="s">
        <v>19</v>
      </c>
      <c r="K173" s="2"/>
      <c r="L173" s="2" t="s">
        <v>272</v>
      </c>
    </row>
    <row r="174" spans="1:12" ht="15.2" customHeight="1">
      <c r="A174" s="2" t="s">
        <v>518</v>
      </c>
      <c r="B174" s="2" t="s">
        <v>60</v>
      </c>
      <c r="C174" s="2" t="s">
        <v>550</v>
      </c>
      <c r="D174" s="2" t="s">
        <v>551</v>
      </c>
      <c r="E174" s="2" t="s">
        <v>270</v>
      </c>
      <c r="F174" s="2" t="s">
        <v>552</v>
      </c>
      <c r="G174" s="3">
        <v>6</v>
      </c>
      <c r="H174" s="2" t="s">
        <v>70</v>
      </c>
      <c r="I174" s="3">
        <v>2015</v>
      </c>
      <c r="J174" s="2" t="s">
        <v>19</v>
      </c>
      <c r="K174" s="2"/>
      <c r="L174" s="2" t="s">
        <v>272</v>
      </c>
    </row>
    <row r="175" spans="1:12" ht="15.2" customHeight="1">
      <c r="A175" s="2" t="s">
        <v>518</v>
      </c>
      <c r="B175" s="2" t="s">
        <v>65</v>
      </c>
      <c r="C175" s="2" t="s">
        <v>553</v>
      </c>
      <c r="D175" s="2" t="s">
        <v>554</v>
      </c>
      <c r="E175" s="2" t="s">
        <v>16</v>
      </c>
      <c r="F175" s="2" t="s">
        <v>555</v>
      </c>
      <c r="G175" s="3">
        <v>9</v>
      </c>
      <c r="H175" s="2" t="s">
        <v>18</v>
      </c>
      <c r="I175" s="3">
        <v>2018</v>
      </c>
      <c r="J175" s="2" t="s">
        <v>19</v>
      </c>
      <c r="K175" s="2"/>
      <c r="L175" s="2" t="s">
        <v>556</v>
      </c>
    </row>
    <row r="176" spans="1:12" ht="15.2" customHeight="1">
      <c r="A176" s="2" t="s">
        <v>518</v>
      </c>
      <c r="B176" s="2" t="s">
        <v>557</v>
      </c>
      <c r="C176" s="2" t="s">
        <v>558</v>
      </c>
      <c r="D176" s="2" t="s">
        <v>559</v>
      </c>
      <c r="E176" s="2" t="s">
        <v>16</v>
      </c>
      <c r="F176" s="2" t="s">
        <v>560</v>
      </c>
      <c r="G176" s="3">
        <v>10</v>
      </c>
      <c r="H176" s="2" t="s">
        <v>18</v>
      </c>
      <c r="I176" s="3">
        <v>2018</v>
      </c>
      <c r="J176" s="2" t="s">
        <v>19</v>
      </c>
      <c r="K176" s="2"/>
      <c r="L176" s="2" t="s">
        <v>561</v>
      </c>
    </row>
    <row r="177" spans="1:12" ht="15.2" customHeight="1">
      <c r="A177" s="2" t="s">
        <v>518</v>
      </c>
      <c r="B177" s="2" t="s">
        <v>72</v>
      </c>
      <c r="C177" s="2" t="s">
        <v>562</v>
      </c>
      <c r="D177" s="2" t="s">
        <v>563</v>
      </c>
      <c r="E177" s="2" t="s">
        <v>16</v>
      </c>
      <c r="F177" s="2" t="s">
        <v>564</v>
      </c>
      <c r="G177" s="3">
        <v>11</v>
      </c>
      <c r="H177" s="2" t="s">
        <v>18</v>
      </c>
      <c r="I177" s="3">
        <v>2018</v>
      </c>
      <c r="J177" s="2" t="s">
        <v>19</v>
      </c>
      <c r="K177" s="2"/>
      <c r="L177" s="2" t="s">
        <v>565</v>
      </c>
    </row>
    <row r="178" spans="1:12" ht="15.2" customHeight="1">
      <c r="A178" s="2" t="s">
        <v>518</v>
      </c>
      <c r="B178" s="2" t="s">
        <v>566</v>
      </c>
      <c r="C178" s="2" t="s">
        <v>567</v>
      </c>
      <c r="D178" s="2" t="s">
        <v>568</v>
      </c>
      <c r="E178" s="2" t="s">
        <v>16</v>
      </c>
      <c r="F178" s="2" t="s">
        <v>569</v>
      </c>
      <c r="G178" s="3">
        <v>12</v>
      </c>
      <c r="H178" s="2" t="s">
        <v>18</v>
      </c>
      <c r="I178" s="3">
        <v>2018</v>
      </c>
      <c r="J178" s="2" t="s">
        <v>19</v>
      </c>
      <c r="K178" s="2"/>
      <c r="L178" s="2" t="s">
        <v>570</v>
      </c>
    </row>
    <row r="179" spans="1:12" ht="15.2" customHeight="1">
      <c r="A179" s="2" t="s">
        <v>518</v>
      </c>
      <c r="B179" s="2" t="s">
        <v>78</v>
      </c>
      <c r="C179" s="2" t="s">
        <v>571</v>
      </c>
      <c r="D179" s="2" t="s">
        <v>572</v>
      </c>
      <c r="E179" s="2" t="s">
        <v>16</v>
      </c>
      <c r="F179" s="2" t="s">
        <v>573</v>
      </c>
      <c r="G179" s="3">
        <v>13</v>
      </c>
      <c r="H179" s="2" t="s">
        <v>18</v>
      </c>
      <c r="I179" s="3">
        <v>2018</v>
      </c>
      <c r="J179" s="2" t="s">
        <v>19</v>
      </c>
      <c r="K179" s="2"/>
      <c r="L179" s="2" t="s">
        <v>574</v>
      </c>
    </row>
    <row r="180" spans="1:12" ht="15.2" customHeight="1">
      <c r="A180" s="2" t="s">
        <v>518</v>
      </c>
      <c r="B180" s="2" t="s">
        <v>575</v>
      </c>
      <c r="C180" s="2" t="s">
        <v>576</v>
      </c>
      <c r="D180" s="2" t="s">
        <v>577</v>
      </c>
      <c r="E180" s="2" t="s">
        <v>16</v>
      </c>
      <c r="F180" s="2" t="s">
        <v>578</v>
      </c>
      <c r="G180" s="3">
        <v>14</v>
      </c>
      <c r="H180" s="2" t="s">
        <v>18</v>
      </c>
      <c r="I180" s="3">
        <v>2018</v>
      </c>
      <c r="J180" s="2" t="s">
        <v>19</v>
      </c>
      <c r="K180" s="2"/>
      <c r="L180" s="2" t="s">
        <v>579</v>
      </c>
    </row>
    <row r="181" spans="1:12" ht="15.2" customHeight="1">
      <c r="A181" s="2" t="s">
        <v>518</v>
      </c>
      <c r="B181" s="2" t="s">
        <v>82</v>
      </c>
      <c r="C181" s="2" t="s">
        <v>580</v>
      </c>
      <c r="D181" s="2" t="s">
        <v>581</v>
      </c>
      <c r="E181" s="2" t="s">
        <v>16</v>
      </c>
      <c r="F181" s="2" t="s">
        <v>582</v>
      </c>
      <c r="G181" s="3">
        <v>15</v>
      </c>
      <c r="H181" s="2" t="s">
        <v>18</v>
      </c>
      <c r="I181" s="3">
        <v>2018</v>
      </c>
      <c r="J181" s="2" t="s">
        <v>19</v>
      </c>
      <c r="K181" s="2"/>
      <c r="L181" s="2" t="s">
        <v>583</v>
      </c>
    </row>
    <row r="182" spans="1:12" ht="15.2" customHeight="1">
      <c r="A182" s="2" t="s">
        <v>518</v>
      </c>
      <c r="B182" s="2" t="s">
        <v>584</v>
      </c>
      <c r="C182" s="2" t="s">
        <v>585</v>
      </c>
      <c r="D182" s="2" t="s">
        <v>586</v>
      </c>
      <c r="E182" s="2" t="s">
        <v>16</v>
      </c>
      <c r="F182" s="2" t="s">
        <v>587</v>
      </c>
      <c r="G182" s="3">
        <v>16</v>
      </c>
      <c r="H182" s="2" t="s">
        <v>18</v>
      </c>
      <c r="I182" s="3">
        <v>2018</v>
      </c>
      <c r="J182" s="2" t="s">
        <v>19</v>
      </c>
      <c r="K182" s="2"/>
      <c r="L182" s="2" t="s">
        <v>588</v>
      </c>
    </row>
    <row r="183" spans="1:12" ht="15.2" customHeight="1">
      <c r="A183" s="2" t="s">
        <v>518</v>
      </c>
      <c r="B183" s="2" t="s">
        <v>88</v>
      </c>
      <c r="C183" s="2" t="s">
        <v>589</v>
      </c>
      <c r="D183" s="2" t="s">
        <v>590</v>
      </c>
      <c r="E183" s="2" t="s">
        <v>16</v>
      </c>
      <c r="F183" s="2" t="s">
        <v>591</v>
      </c>
      <c r="G183" s="3">
        <v>17</v>
      </c>
      <c r="H183" s="2" t="s">
        <v>18</v>
      </c>
      <c r="I183" s="3">
        <v>2018</v>
      </c>
      <c r="J183" s="2" t="s">
        <v>19</v>
      </c>
      <c r="K183" s="2"/>
      <c r="L183" s="2" t="s">
        <v>592</v>
      </c>
    </row>
    <row r="184" spans="1:12" ht="15.2" customHeight="1">
      <c r="A184" s="2" t="s">
        <v>518</v>
      </c>
      <c r="B184" s="2" t="s">
        <v>593</v>
      </c>
      <c r="C184" s="2" t="s">
        <v>594</v>
      </c>
      <c r="D184" s="2" t="s">
        <v>595</v>
      </c>
      <c r="E184" s="2" t="s">
        <v>16</v>
      </c>
      <c r="F184" s="2" t="s">
        <v>596</v>
      </c>
      <c r="G184" s="3">
        <v>18</v>
      </c>
      <c r="H184" s="2" t="s">
        <v>18</v>
      </c>
      <c r="I184" s="3">
        <v>2018</v>
      </c>
      <c r="J184" s="2" t="s">
        <v>19</v>
      </c>
      <c r="K184" s="2"/>
      <c r="L184" s="2" t="s">
        <v>597</v>
      </c>
    </row>
    <row r="185" spans="1:12" ht="15.2" customHeight="1">
      <c r="A185" s="2" t="s">
        <v>518</v>
      </c>
      <c r="B185" s="2" t="s">
        <v>93</v>
      </c>
      <c r="C185" s="2" t="s">
        <v>598</v>
      </c>
      <c r="D185" s="2" t="s">
        <v>290</v>
      </c>
      <c r="E185" s="2" t="s">
        <v>291</v>
      </c>
      <c r="F185" s="2" t="s">
        <v>599</v>
      </c>
      <c r="G185" s="3">
        <v>1</v>
      </c>
      <c r="H185" s="2" t="s">
        <v>70</v>
      </c>
      <c r="I185" s="3">
        <v>2016</v>
      </c>
      <c r="J185" s="2" t="s">
        <v>293</v>
      </c>
      <c r="K185" s="2"/>
      <c r="L185" s="2" t="s">
        <v>600</v>
      </c>
    </row>
    <row r="186" spans="1:12" ht="15.2" customHeight="1">
      <c r="A186" s="2" t="s">
        <v>518</v>
      </c>
      <c r="B186" s="2" t="s">
        <v>105</v>
      </c>
      <c r="C186" s="2" t="s">
        <v>601</v>
      </c>
      <c r="D186" s="2" t="s">
        <v>602</v>
      </c>
      <c r="E186" s="2" t="s">
        <v>291</v>
      </c>
      <c r="F186" s="2" t="s">
        <v>603</v>
      </c>
      <c r="G186" s="3">
        <v>8</v>
      </c>
      <c r="H186" s="2" t="s">
        <v>70</v>
      </c>
      <c r="I186" s="3">
        <v>2018</v>
      </c>
      <c r="J186" s="2" t="s">
        <v>293</v>
      </c>
      <c r="K186" s="2"/>
      <c r="L186" s="2" t="s">
        <v>604</v>
      </c>
    </row>
    <row r="187" spans="1:12" ht="15.2" customHeight="1">
      <c r="A187" s="2" t="s">
        <v>518</v>
      </c>
      <c r="B187" s="2" t="s">
        <v>115</v>
      </c>
      <c r="C187" s="2"/>
      <c r="D187" s="2" t="s">
        <v>605</v>
      </c>
      <c r="E187" s="2" t="s">
        <v>403</v>
      </c>
      <c r="F187" s="2" t="s">
        <v>606</v>
      </c>
      <c r="G187" s="3">
        <v>3</v>
      </c>
      <c r="H187" s="2" t="s">
        <v>70</v>
      </c>
      <c r="I187" s="3">
        <v>2019</v>
      </c>
      <c r="J187" s="2" t="s">
        <v>98</v>
      </c>
      <c r="K187" s="2"/>
      <c r="L187" s="2" t="s">
        <v>607</v>
      </c>
    </row>
    <row r="188" spans="1:12" ht="15.2" customHeight="1">
      <c r="A188" s="2" t="s">
        <v>518</v>
      </c>
      <c r="B188" s="2" t="s">
        <v>125</v>
      </c>
      <c r="C188" s="2" t="s">
        <v>608</v>
      </c>
      <c r="D188" s="2" t="s">
        <v>609</v>
      </c>
      <c r="E188" s="2" t="s">
        <v>301</v>
      </c>
      <c r="F188" s="2" t="s">
        <v>610</v>
      </c>
      <c r="G188" s="3">
        <v>3</v>
      </c>
      <c r="H188" s="2" t="s">
        <v>70</v>
      </c>
      <c r="I188" s="3">
        <v>2012</v>
      </c>
      <c r="J188" s="2" t="s">
        <v>76</v>
      </c>
      <c r="K188" s="2"/>
      <c r="L188" s="2" t="s">
        <v>611</v>
      </c>
    </row>
    <row r="189" spans="1:12" ht="15.2" customHeight="1">
      <c r="A189" s="2" t="s">
        <v>518</v>
      </c>
      <c r="B189" s="2" t="s">
        <v>132</v>
      </c>
      <c r="C189" s="2" t="s">
        <v>612</v>
      </c>
      <c r="D189" s="2" t="s">
        <v>613</v>
      </c>
      <c r="E189" s="2" t="s">
        <v>614</v>
      </c>
      <c r="F189" s="2" t="s">
        <v>615</v>
      </c>
      <c r="G189" s="3">
        <v>1</v>
      </c>
      <c r="H189" s="2" t="s">
        <v>36</v>
      </c>
      <c r="I189" s="3">
        <v>2010</v>
      </c>
      <c r="J189" s="2" t="s">
        <v>76</v>
      </c>
      <c r="K189" s="2"/>
      <c r="L189" s="2" t="s">
        <v>616</v>
      </c>
    </row>
    <row r="190" spans="1:12" ht="15.2" customHeight="1">
      <c r="A190" s="2" t="s">
        <v>518</v>
      </c>
      <c r="B190" s="2" t="s">
        <v>136</v>
      </c>
      <c r="C190" s="2" t="s">
        <v>617</v>
      </c>
      <c r="D190" s="2" t="s">
        <v>618</v>
      </c>
      <c r="E190" s="2" t="s">
        <v>614</v>
      </c>
      <c r="F190" s="2" t="s">
        <v>619</v>
      </c>
      <c r="G190" s="3">
        <v>2</v>
      </c>
      <c r="H190" s="2" t="s">
        <v>36</v>
      </c>
      <c r="I190" s="3">
        <v>2010</v>
      </c>
      <c r="J190" s="2" t="s">
        <v>76</v>
      </c>
      <c r="K190" s="2"/>
      <c r="L190" s="2" t="s">
        <v>620</v>
      </c>
    </row>
    <row r="191" spans="1:12" ht="15.2" customHeight="1">
      <c r="A191" s="2" t="s">
        <v>518</v>
      </c>
      <c r="B191" s="2" t="s">
        <v>140</v>
      </c>
      <c r="C191" s="2" t="s">
        <v>621</v>
      </c>
      <c r="D191" s="2" t="s">
        <v>622</v>
      </c>
      <c r="E191" s="2" t="s">
        <v>614</v>
      </c>
      <c r="F191" s="2" t="s">
        <v>623</v>
      </c>
      <c r="G191" s="3">
        <v>3</v>
      </c>
      <c r="H191" s="2" t="s">
        <v>36</v>
      </c>
      <c r="I191" s="3">
        <v>2010</v>
      </c>
      <c r="J191" s="2" t="s">
        <v>76</v>
      </c>
      <c r="K191" s="2"/>
      <c r="L191" s="2" t="s">
        <v>624</v>
      </c>
    </row>
    <row r="192" spans="1:12" ht="15.2" customHeight="1">
      <c r="A192" s="2" t="s">
        <v>518</v>
      </c>
      <c r="B192" s="2" t="s">
        <v>145</v>
      </c>
      <c r="C192" s="2" t="s">
        <v>625</v>
      </c>
      <c r="D192" s="2" t="s">
        <v>626</v>
      </c>
      <c r="E192" s="2" t="s">
        <v>614</v>
      </c>
      <c r="F192" s="2" t="s">
        <v>627</v>
      </c>
      <c r="G192" s="3">
        <v>4</v>
      </c>
      <c r="H192" s="2" t="s">
        <v>36</v>
      </c>
      <c r="I192" s="3">
        <v>2010</v>
      </c>
      <c r="J192" s="2" t="s">
        <v>76</v>
      </c>
      <c r="K192" s="2"/>
      <c r="L192" s="2" t="s">
        <v>628</v>
      </c>
    </row>
    <row r="193" spans="1:12" ht="15.2" customHeight="1">
      <c r="A193" s="2" t="s">
        <v>518</v>
      </c>
      <c r="B193" s="2" t="s">
        <v>150</v>
      </c>
      <c r="C193" s="2"/>
      <c r="D193" s="2" t="s">
        <v>157</v>
      </c>
      <c r="E193" s="2" t="s">
        <v>158</v>
      </c>
      <c r="F193" s="2" t="s">
        <v>159</v>
      </c>
      <c r="G193" s="3">
        <v>1</v>
      </c>
      <c r="H193" s="2" t="s">
        <v>36</v>
      </c>
      <c r="I193" s="3">
        <v>2020</v>
      </c>
      <c r="J193" s="2" t="s">
        <v>19</v>
      </c>
      <c r="K193" s="2"/>
      <c r="L193" s="2" t="s">
        <v>160</v>
      </c>
    </row>
    <row r="194" spans="1:12" ht="15.2" customHeight="1">
      <c r="A194" s="2" t="s">
        <v>518</v>
      </c>
      <c r="B194" s="2" t="s">
        <v>151</v>
      </c>
      <c r="C194" s="2"/>
      <c r="D194" s="2" t="s">
        <v>162</v>
      </c>
      <c r="E194" s="2" t="s">
        <v>158</v>
      </c>
      <c r="F194" s="2" t="s">
        <v>163</v>
      </c>
      <c r="G194" s="3">
        <v>2</v>
      </c>
      <c r="H194" s="2" t="s">
        <v>36</v>
      </c>
      <c r="I194" s="3">
        <v>2020</v>
      </c>
      <c r="J194" s="2" t="s">
        <v>19</v>
      </c>
      <c r="K194" s="2"/>
      <c r="L194" s="2" t="s">
        <v>164</v>
      </c>
    </row>
    <row r="195" spans="1:12" ht="15.2" customHeight="1">
      <c r="A195" s="2" t="s">
        <v>518</v>
      </c>
      <c r="B195" s="2" t="s">
        <v>152</v>
      </c>
      <c r="C195" s="2" t="s">
        <v>205</v>
      </c>
      <c r="D195" s="2" t="s">
        <v>206</v>
      </c>
      <c r="E195" s="2" t="s">
        <v>207</v>
      </c>
      <c r="F195" s="2" t="s">
        <v>208</v>
      </c>
      <c r="G195" s="3">
        <v>1</v>
      </c>
      <c r="H195" s="2" t="s">
        <v>209</v>
      </c>
      <c r="I195" s="3">
        <v>2018</v>
      </c>
      <c r="J195" s="2" t="s">
        <v>76</v>
      </c>
      <c r="K195" s="2"/>
      <c r="L195" s="2" t="s">
        <v>210</v>
      </c>
    </row>
    <row r="196" spans="1:12" ht="15.2" customHeight="1">
      <c r="A196" s="2" t="s">
        <v>518</v>
      </c>
      <c r="B196" s="2" t="s">
        <v>154</v>
      </c>
      <c r="C196" s="2" t="s">
        <v>521</v>
      </c>
      <c r="D196" s="2" t="s">
        <v>242</v>
      </c>
      <c r="E196" s="2" t="s">
        <v>243</v>
      </c>
      <c r="F196" s="2" t="s">
        <v>522</v>
      </c>
      <c r="G196" s="3">
        <v>7</v>
      </c>
      <c r="H196" s="2" t="s">
        <v>245</v>
      </c>
      <c r="I196" s="3">
        <v>2007</v>
      </c>
      <c r="J196" s="2" t="s">
        <v>19</v>
      </c>
      <c r="K196" s="2"/>
      <c r="L196" s="2" t="s">
        <v>523</v>
      </c>
    </row>
    <row r="197" spans="1:12" ht="15.2" customHeight="1">
      <c r="A197" s="2" t="s">
        <v>518</v>
      </c>
      <c r="B197" s="2" t="s">
        <v>155</v>
      </c>
      <c r="C197" s="2" t="s">
        <v>524</v>
      </c>
      <c r="D197" s="2" t="s">
        <v>242</v>
      </c>
      <c r="E197" s="2" t="s">
        <v>243</v>
      </c>
      <c r="F197" s="2" t="s">
        <v>525</v>
      </c>
      <c r="G197" s="3">
        <v>8</v>
      </c>
      <c r="H197" s="2" t="s">
        <v>245</v>
      </c>
      <c r="I197" s="3">
        <v>2007</v>
      </c>
      <c r="J197" s="2" t="s">
        <v>19</v>
      </c>
      <c r="K197" s="2"/>
      <c r="L197" s="2" t="s">
        <v>526</v>
      </c>
    </row>
    <row r="198" spans="1:12" ht="15.2" customHeight="1">
      <c r="A198" s="2" t="s">
        <v>518</v>
      </c>
      <c r="B198" s="2" t="s">
        <v>156</v>
      </c>
      <c r="C198" s="2" t="s">
        <v>535</v>
      </c>
      <c r="D198" s="2" t="s">
        <v>536</v>
      </c>
      <c r="E198" s="2" t="s">
        <v>355</v>
      </c>
      <c r="F198" s="2" t="s">
        <v>537</v>
      </c>
      <c r="G198" s="3">
        <v>3</v>
      </c>
      <c r="H198" s="2" t="s">
        <v>357</v>
      </c>
      <c r="I198" s="3">
        <v>2010</v>
      </c>
      <c r="J198" s="2" t="s">
        <v>76</v>
      </c>
      <c r="K198" s="2"/>
      <c r="L198" s="2" t="s">
        <v>538</v>
      </c>
    </row>
    <row r="199" spans="1:12" ht="15.2" customHeight="1">
      <c r="A199" s="2" t="s">
        <v>518</v>
      </c>
      <c r="B199" s="2" t="s">
        <v>161</v>
      </c>
      <c r="C199" s="2" t="s">
        <v>539</v>
      </c>
      <c r="D199" s="2" t="s">
        <v>540</v>
      </c>
      <c r="E199" s="2" t="s">
        <v>260</v>
      </c>
      <c r="F199" s="2" t="s">
        <v>541</v>
      </c>
      <c r="G199" s="3">
        <v>7</v>
      </c>
      <c r="H199" s="2" t="s">
        <v>245</v>
      </c>
      <c r="I199" s="3">
        <v>2012</v>
      </c>
      <c r="J199" s="2" t="s">
        <v>76</v>
      </c>
      <c r="K199" s="2"/>
      <c r="L199" s="2" t="s">
        <v>542</v>
      </c>
    </row>
    <row r="200" spans="1:12" ht="15.2" customHeight="1">
      <c r="A200" s="2" t="s">
        <v>518</v>
      </c>
      <c r="B200" s="2" t="s">
        <v>334</v>
      </c>
      <c r="C200" s="2" t="s">
        <v>543</v>
      </c>
      <c r="D200" s="2" t="s">
        <v>544</v>
      </c>
      <c r="E200" s="2" t="s">
        <v>260</v>
      </c>
      <c r="F200" s="2" t="s">
        <v>545</v>
      </c>
      <c r="G200" s="3">
        <v>8</v>
      </c>
      <c r="H200" s="2" t="s">
        <v>245</v>
      </c>
      <c r="I200" s="3">
        <v>2012</v>
      </c>
      <c r="J200" s="2" t="s">
        <v>76</v>
      </c>
      <c r="K200" s="2"/>
      <c r="L200" s="2" t="s">
        <v>546</v>
      </c>
    </row>
    <row r="201" spans="1:12" ht="15.2" customHeight="1">
      <c r="A201" s="2" t="s">
        <v>518</v>
      </c>
      <c r="B201" s="2" t="s">
        <v>165</v>
      </c>
      <c r="C201" s="2" t="s">
        <v>547</v>
      </c>
      <c r="D201" s="2" t="s">
        <v>548</v>
      </c>
      <c r="E201" s="2" t="s">
        <v>270</v>
      </c>
      <c r="F201" s="2" t="s">
        <v>549</v>
      </c>
      <c r="G201" s="3">
        <v>8</v>
      </c>
      <c r="H201" s="2" t="s">
        <v>70</v>
      </c>
      <c r="I201" s="3">
        <v>2015</v>
      </c>
      <c r="J201" s="2" t="s">
        <v>19</v>
      </c>
      <c r="K201" s="2"/>
      <c r="L201" s="2" t="s">
        <v>272</v>
      </c>
    </row>
    <row r="202" spans="1:12" ht="15.2" customHeight="1">
      <c r="A202" s="2" t="s">
        <v>629</v>
      </c>
      <c r="B202" s="2" t="s">
        <v>14</v>
      </c>
      <c r="C202" s="2" t="s">
        <v>630</v>
      </c>
      <c r="D202" s="2" t="s">
        <v>16</v>
      </c>
      <c r="E202" s="2" t="s">
        <v>16</v>
      </c>
      <c r="F202" s="2" t="s">
        <v>631</v>
      </c>
      <c r="G202" s="3">
        <v>22</v>
      </c>
      <c r="H202" s="2" t="s">
        <v>18</v>
      </c>
      <c r="I202" s="3">
        <v>2015</v>
      </c>
      <c r="J202" s="2" t="s">
        <v>19</v>
      </c>
      <c r="K202" s="2"/>
      <c r="L202" s="2" t="s">
        <v>632</v>
      </c>
    </row>
    <row r="203" spans="1:12" ht="15.2" customHeight="1">
      <c r="A203" s="2" t="s">
        <v>629</v>
      </c>
      <c r="B203" s="2" t="s">
        <v>21</v>
      </c>
      <c r="C203" s="2" t="s">
        <v>633</v>
      </c>
      <c r="D203" s="2" t="s">
        <v>242</v>
      </c>
      <c r="E203" s="2" t="s">
        <v>243</v>
      </c>
      <c r="F203" s="2" t="s">
        <v>634</v>
      </c>
      <c r="G203" s="3">
        <v>9</v>
      </c>
      <c r="H203" s="2" t="s">
        <v>245</v>
      </c>
      <c r="I203" s="3">
        <v>2007</v>
      </c>
      <c r="J203" s="2" t="s">
        <v>19</v>
      </c>
      <c r="K203" s="2"/>
      <c r="L203" s="2" t="s">
        <v>635</v>
      </c>
    </row>
    <row r="204" spans="1:12" ht="15.2" customHeight="1">
      <c r="A204" s="2" t="s">
        <v>629</v>
      </c>
      <c r="B204" s="2" t="s">
        <v>27</v>
      </c>
      <c r="C204" s="2" t="s">
        <v>636</v>
      </c>
      <c r="D204" s="2" t="s">
        <v>242</v>
      </c>
      <c r="E204" s="2" t="s">
        <v>243</v>
      </c>
      <c r="F204" s="2" t="s">
        <v>637</v>
      </c>
      <c r="G204" s="3">
        <v>10</v>
      </c>
      <c r="H204" s="2" t="s">
        <v>245</v>
      </c>
      <c r="I204" s="3">
        <v>2007</v>
      </c>
      <c r="J204" s="2" t="s">
        <v>19</v>
      </c>
      <c r="K204" s="2"/>
      <c r="L204" s="2" t="s">
        <v>638</v>
      </c>
    </row>
    <row r="205" spans="1:12" ht="15.2" customHeight="1">
      <c r="A205" s="2" t="s">
        <v>629</v>
      </c>
      <c r="B205" s="2" t="s">
        <v>31</v>
      </c>
      <c r="C205" s="2" t="s">
        <v>639</v>
      </c>
      <c r="D205" s="2" t="s">
        <v>640</v>
      </c>
      <c r="E205" s="2" t="s">
        <v>68</v>
      </c>
      <c r="F205" s="2" t="s">
        <v>641</v>
      </c>
      <c r="G205" s="3">
        <v>6</v>
      </c>
      <c r="H205" s="2" t="s">
        <v>70</v>
      </c>
      <c r="I205" s="3">
        <v>2009</v>
      </c>
      <c r="J205" s="2" t="s">
        <v>53</v>
      </c>
      <c r="K205" s="2"/>
      <c r="L205" s="2" t="s">
        <v>642</v>
      </c>
    </row>
    <row r="206" spans="1:12" ht="15.2" customHeight="1">
      <c r="A206" s="2" t="s">
        <v>629</v>
      </c>
      <c r="B206" s="2" t="s">
        <v>38</v>
      </c>
      <c r="C206" s="2" t="s">
        <v>643</v>
      </c>
      <c r="D206" s="2" t="s">
        <v>644</v>
      </c>
      <c r="E206" s="2" t="s">
        <v>68</v>
      </c>
      <c r="F206" s="2" t="s">
        <v>645</v>
      </c>
      <c r="G206" s="3">
        <v>1</v>
      </c>
      <c r="H206" s="2" t="s">
        <v>70</v>
      </c>
      <c r="I206" s="3">
        <v>2009</v>
      </c>
      <c r="J206" s="2" t="s">
        <v>53</v>
      </c>
      <c r="K206" s="2"/>
      <c r="L206" s="2" t="s">
        <v>646</v>
      </c>
    </row>
    <row r="207" spans="1:12" ht="15.2" customHeight="1">
      <c r="A207" s="2" t="s">
        <v>629</v>
      </c>
      <c r="B207" s="2" t="s">
        <v>43</v>
      </c>
      <c r="C207" s="2" t="s">
        <v>647</v>
      </c>
      <c r="D207" s="2" t="s">
        <v>648</v>
      </c>
      <c r="E207" s="2" t="s">
        <v>355</v>
      </c>
      <c r="F207" s="2" t="s">
        <v>649</v>
      </c>
      <c r="G207" s="3">
        <v>4</v>
      </c>
      <c r="H207" s="2" t="s">
        <v>357</v>
      </c>
      <c r="I207" s="3">
        <v>2010</v>
      </c>
      <c r="J207" s="2" t="s">
        <v>76</v>
      </c>
      <c r="K207" s="2"/>
      <c r="L207" s="2" t="s">
        <v>650</v>
      </c>
    </row>
    <row r="208" spans="1:12" ht="15.2" customHeight="1">
      <c r="A208" s="2" t="s">
        <v>629</v>
      </c>
      <c r="B208" s="2" t="s">
        <v>48</v>
      </c>
      <c r="C208" s="2" t="s">
        <v>651</v>
      </c>
      <c r="D208" s="2" t="s">
        <v>652</v>
      </c>
      <c r="E208" s="2" t="s">
        <v>260</v>
      </c>
      <c r="F208" s="2" t="s">
        <v>653</v>
      </c>
      <c r="G208" s="3">
        <v>9</v>
      </c>
      <c r="H208" s="2" t="s">
        <v>245</v>
      </c>
      <c r="I208" s="3">
        <v>2012</v>
      </c>
      <c r="J208" s="2" t="s">
        <v>76</v>
      </c>
      <c r="K208" s="2"/>
      <c r="L208" s="2" t="s">
        <v>654</v>
      </c>
    </row>
    <row r="209" spans="1:12" ht="15.2" customHeight="1">
      <c r="A209" s="2" t="s">
        <v>629</v>
      </c>
      <c r="B209" s="2" t="s">
        <v>263</v>
      </c>
      <c r="C209" s="2" t="s">
        <v>655</v>
      </c>
      <c r="D209" s="2" t="s">
        <v>656</v>
      </c>
      <c r="E209" s="2" t="s">
        <v>260</v>
      </c>
      <c r="F209" s="2" t="s">
        <v>657</v>
      </c>
      <c r="G209" s="3">
        <v>10</v>
      </c>
      <c r="H209" s="2" t="s">
        <v>245</v>
      </c>
      <c r="I209" s="3">
        <v>2012</v>
      </c>
      <c r="J209" s="2" t="s">
        <v>76</v>
      </c>
      <c r="K209" s="2"/>
      <c r="L209" s="2" t="s">
        <v>658</v>
      </c>
    </row>
    <row r="210" spans="1:12" ht="15.2" customHeight="1">
      <c r="A210" s="2" t="s">
        <v>629</v>
      </c>
      <c r="B210" s="2" t="s">
        <v>55</v>
      </c>
      <c r="C210" s="2" t="s">
        <v>659</v>
      </c>
      <c r="D210" s="2" t="s">
        <v>660</v>
      </c>
      <c r="E210" s="2" t="s">
        <v>270</v>
      </c>
      <c r="F210" s="2" t="s">
        <v>661</v>
      </c>
      <c r="G210" s="3">
        <v>10</v>
      </c>
      <c r="H210" s="2" t="s">
        <v>70</v>
      </c>
      <c r="I210" s="3">
        <v>2015</v>
      </c>
      <c r="J210" s="2" t="s">
        <v>19</v>
      </c>
      <c r="K210" s="2"/>
      <c r="L210" s="2" t="s">
        <v>272</v>
      </c>
    </row>
    <row r="211" spans="1:12" ht="15.2" customHeight="1">
      <c r="A211" s="2" t="s">
        <v>629</v>
      </c>
      <c r="B211" s="2" t="s">
        <v>60</v>
      </c>
      <c r="C211" s="2" t="s">
        <v>662</v>
      </c>
      <c r="D211" s="2" t="s">
        <v>663</v>
      </c>
      <c r="E211" s="2" t="s">
        <v>270</v>
      </c>
      <c r="F211" s="2" t="s">
        <v>664</v>
      </c>
      <c r="G211" s="3">
        <v>7</v>
      </c>
      <c r="H211" s="2" t="s">
        <v>70</v>
      </c>
      <c r="I211" s="3">
        <v>2015</v>
      </c>
      <c r="J211" s="2" t="s">
        <v>19</v>
      </c>
      <c r="K211" s="2"/>
      <c r="L211" s="2" t="s">
        <v>272</v>
      </c>
    </row>
    <row r="212" spans="1:12" ht="15.2" customHeight="1">
      <c r="A212" s="2" t="s">
        <v>629</v>
      </c>
      <c r="B212" s="2" t="s">
        <v>65</v>
      </c>
      <c r="C212" s="2" t="s">
        <v>665</v>
      </c>
      <c r="D212" s="2" t="s">
        <v>666</v>
      </c>
      <c r="E212" s="2" t="s">
        <v>667</v>
      </c>
      <c r="F212" s="2" t="s">
        <v>667</v>
      </c>
      <c r="G212" s="3">
        <v>1</v>
      </c>
      <c r="H212" s="2" t="s">
        <v>36</v>
      </c>
      <c r="I212" s="3">
        <v>2019</v>
      </c>
      <c r="J212" s="2" t="s">
        <v>76</v>
      </c>
      <c r="K212" s="2"/>
      <c r="L212" s="2" t="s">
        <v>668</v>
      </c>
    </row>
    <row r="213" spans="1:12" ht="15.2" customHeight="1">
      <c r="A213" s="2" t="s">
        <v>629</v>
      </c>
      <c r="B213" s="2" t="s">
        <v>72</v>
      </c>
      <c r="C213" s="2" t="s">
        <v>669</v>
      </c>
      <c r="D213" s="2" t="s">
        <v>670</v>
      </c>
      <c r="E213" s="2" t="s">
        <v>671</v>
      </c>
      <c r="F213" s="2" t="s">
        <v>672</v>
      </c>
      <c r="G213" s="3">
        <v>1</v>
      </c>
      <c r="H213" s="2" t="s">
        <v>36</v>
      </c>
      <c r="I213" s="3">
        <v>2019</v>
      </c>
      <c r="J213" s="2" t="s">
        <v>76</v>
      </c>
      <c r="K213" s="2"/>
      <c r="L213" s="2" t="s">
        <v>673</v>
      </c>
    </row>
    <row r="214" spans="1:12" ht="15.2" customHeight="1">
      <c r="A214" s="2" t="s">
        <v>629</v>
      </c>
      <c r="B214" s="2" t="s">
        <v>78</v>
      </c>
      <c r="C214" s="2" t="s">
        <v>674</v>
      </c>
      <c r="D214" s="2" t="s">
        <v>675</v>
      </c>
      <c r="E214" s="2" t="s">
        <v>676</v>
      </c>
      <c r="F214" s="2" t="s">
        <v>677</v>
      </c>
      <c r="G214" s="3">
        <v>1</v>
      </c>
      <c r="H214" s="2" t="s">
        <v>36</v>
      </c>
      <c r="I214" s="3">
        <v>2019</v>
      </c>
      <c r="J214" s="2" t="s">
        <v>76</v>
      </c>
      <c r="K214" s="2"/>
      <c r="L214" s="2" t="s">
        <v>678</v>
      </c>
    </row>
    <row r="215" spans="1:12" ht="15.2" customHeight="1">
      <c r="A215" s="2" t="s">
        <v>629</v>
      </c>
      <c r="B215" s="2" t="s">
        <v>82</v>
      </c>
      <c r="C215" s="2" t="s">
        <v>679</v>
      </c>
      <c r="D215" s="2" t="s">
        <v>680</v>
      </c>
      <c r="E215" s="2" t="s">
        <v>681</v>
      </c>
      <c r="F215" s="2" t="s">
        <v>682</v>
      </c>
      <c r="G215" s="3">
        <v>1</v>
      </c>
      <c r="H215" s="2" t="s">
        <v>209</v>
      </c>
      <c r="I215" s="3">
        <v>2016</v>
      </c>
      <c r="J215" s="2" t="s">
        <v>76</v>
      </c>
      <c r="K215" s="2"/>
      <c r="L215" s="2" t="s">
        <v>683</v>
      </c>
    </row>
    <row r="216" spans="1:12" ht="15.2" customHeight="1">
      <c r="A216" s="2" t="s">
        <v>629</v>
      </c>
      <c r="B216" s="2" t="s">
        <v>93</v>
      </c>
      <c r="C216" s="2" t="s">
        <v>684</v>
      </c>
      <c r="D216" s="2" t="s">
        <v>685</v>
      </c>
      <c r="E216" s="2" t="s">
        <v>291</v>
      </c>
      <c r="F216" s="2" t="s">
        <v>686</v>
      </c>
      <c r="G216" s="3">
        <v>6</v>
      </c>
      <c r="H216" s="2" t="s">
        <v>70</v>
      </c>
      <c r="I216" s="3">
        <v>2016</v>
      </c>
      <c r="J216" s="2" t="s">
        <v>293</v>
      </c>
      <c r="K216" s="2"/>
      <c r="L216" s="2" t="s">
        <v>687</v>
      </c>
    </row>
    <row r="217" spans="1:12" ht="15.2" customHeight="1">
      <c r="A217" s="2" t="s">
        <v>629</v>
      </c>
      <c r="B217" s="2" t="s">
        <v>105</v>
      </c>
      <c r="C217" s="2" t="s">
        <v>688</v>
      </c>
      <c r="D217" s="2" t="s">
        <v>689</v>
      </c>
      <c r="E217" s="2" t="s">
        <v>291</v>
      </c>
      <c r="F217" s="2" t="s">
        <v>473</v>
      </c>
      <c r="G217" s="3">
        <v>9</v>
      </c>
      <c r="H217" s="2" t="s">
        <v>70</v>
      </c>
      <c r="I217" s="3">
        <v>2018</v>
      </c>
      <c r="J217" s="2" t="s">
        <v>293</v>
      </c>
      <c r="K217" s="2"/>
      <c r="L217" s="2" t="s">
        <v>690</v>
      </c>
    </row>
    <row r="218" spans="1:12" ht="15.2" customHeight="1">
      <c r="A218" s="2" t="s">
        <v>629</v>
      </c>
      <c r="B218" s="2" t="s">
        <v>115</v>
      </c>
      <c r="C218" s="2"/>
      <c r="D218" s="2" t="s">
        <v>691</v>
      </c>
      <c r="E218" s="2" t="s">
        <v>403</v>
      </c>
      <c r="F218" s="2" t="s">
        <v>692</v>
      </c>
      <c r="G218" s="3">
        <v>4</v>
      </c>
      <c r="H218" s="2" t="s">
        <v>70</v>
      </c>
      <c r="I218" s="3">
        <v>2019</v>
      </c>
      <c r="J218" s="2" t="s">
        <v>98</v>
      </c>
      <c r="K218" s="2"/>
      <c r="L218" s="2" t="s">
        <v>693</v>
      </c>
    </row>
    <row r="219" spans="1:12" ht="15.2" customHeight="1">
      <c r="A219" s="2" t="s">
        <v>629</v>
      </c>
      <c r="B219" s="2" t="s">
        <v>125</v>
      </c>
      <c r="C219" s="2" t="s">
        <v>694</v>
      </c>
      <c r="D219" s="2" t="s">
        <v>695</v>
      </c>
      <c r="E219" s="2" t="s">
        <v>301</v>
      </c>
      <c r="F219" s="2" t="s">
        <v>696</v>
      </c>
      <c r="G219" s="3">
        <v>4</v>
      </c>
      <c r="H219" s="2" t="s">
        <v>70</v>
      </c>
      <c r="I219" s="3">
        <v>2012</v>
      </c>
      <c r="J219" s="2" t="s">
        <v>76</v>
      </c>
      <c r="K219" s="2"/>
      <c r="L219" s="2" t="s">
        <v>697</v>
      </c>
    </row>
    <row r="220" spans="1:12" ht="15.2" customHeight="1">
      <c r="A220" s="2" t="s">
        <v>629</v>
      </c>
      <c r="B220" s="2" t="s">
        <v>132</v>
      </c>
      <c r="C220" s="2" t="s">
        <v>698</v>
      </c>
      <c r="D220" s="2" t="s">
        <v>699</v>
      </c>
      <c r="E220" s="2" t="s">
        <v>34</v>
      </c>
      <c r="F220" s="2" t="s">
        <v>700</v>
      </c>
      <c r="G220" s="3">
        <v>3</v>
      </c>
      <c r="H220" s="2" t="s">
        <v>70</v>
      </c>
      <c r="I220" s="3">
        <v>2018</v>
      </c>
      <c r="J220" s="2" t="s">
        <v>19</v>
      </c>
      <c r="K220" s="2"/>
      <c r="L220" s="2" t="s">
        <v>701</v>
      </c>
    </row>
    <row r="221" spans="1:12" ht="15.2" customHeight="1">
      <c r="A221" s="2" t="s">
        <v>629</v>
      </c>
      <c r="B221" s="2" t="s">
        <v>136</v>
      </c>
      <c r="C221" s="2" t="s">
        <v>702</v>
      </c>
      <c r="D221" s="2" t="s">
        <v>703</v>
      </c>
      <c r="E221" s="2" t="s">
        <v>34</v>
      </c>
      <c r="F221" s="2" t="s">
        <v>704</v>
      </c>
      <c r="G221" s="3">
        <v>1</v>
      </c>
      <c r="H221" s="2" t="s">
        <v>70</v>
      </c>
      <c r="I221" s="3">
        <v>2018</v>
      </c>
      <c r="J221" s="2" t="s">
        <v>19</v>
      </c>
      <c r="K221" s="2"/>
      <c r="L221" s="2" t="s">
        <v>705</v>
      </c>
    </row>
    <row r="222" spans="1:12" ht="15.2" customHeight="1">
      <c r="A222" s="2" t="s">
        <v>629</v>
      </c>
      <c r="B222" s="2" t="s">
        <v>140</v>
      </c>
      <c r="C222" s="2" t="s">
        <v>706</v>
      </c>
      <c r="D222" s="2" t="s">
        <v>707</v>
      </c>
      <c r="E222" s="2" t="s">
        <v>34</v>
      </c>
      <c r="F222" s="2" t="s">
        <v>708</v>
      </c>
      <c r="G222" s="3">
        <v>2</v>
      </c>
      <c r="H222" s="2" t="s">
        <v>70</v>
      </c>
      <c r="I222" s="3">
        <v>2018</v>
      </c>
      <c r="J222" s="2" t="s">
        <v>19</v>
      </c>
      <c r="K222" s="2"/>
      <c r="L222" s="2" t="s">
        <v>709</v>
      </c>
    </row>
    <row r="223" spans="1:12" ht="15.2" customHeight="1">
      <c r="A223" s="2" t="s">
        <v>629</v>
      </c>
      <c r="B223" s="2" t="s">
        <v>145</v>
      </c>
      <c r="C223" s="2" t="s">
        <v>710</v>
      </c>
      <c r="D223" s="2" t="s">
        <v>711</v>
      </c>
      <c r="E223" s="2" t="s">
        <v>34</v>
      </c>
      <c r="F223" s="2" t="s">
        <v>712</v>
      </c>
      <c r="G223" s="3">
        <v>5</v>
      </c>
      <c r="H223" s="2" t="s">
        <v>70</v>
      </c>
      <c r="I223" s="3">
        <v>2017</v>
      </c>
      <c r="J223" s="2" t="s">
        <v>19</v>
      </c>
      <c r="K223" s="2"/>
      <c r="L223" s="2" t="s">
        <v>713</v>
      </c>
    </row>
    <row r="224" spans="1:12" ht="15.2" customHeight="1">
      <c r="A224" s="2" t="s">
        <v>629</v>
      </c>
      <c r="B224" s="2" t="s">
        <v>150</v>
      </c>
      <c r="C224" s="2" t="s">
        <v>32</v>
      </c>
      <c r="D224" s="2" t="s">
        <v>33</v>
      </c>
      <c r="E224" s="2" t="s">
        <v>34</v>
      </c>
      <c r="F224" s="2" t="s">
        <v>35</v>
      </c>
      <c r="G224" s="3">
        <v>7</v>
      </c>
      <c r="H224" s="2" t="s">
        <v>36</v>
      </c>
      <c r="I224" s="3">
        <v>2020</v>
      </c>
      <c r="J224" s="2" t="s">
        <v>19</v>
      </c>
      <c r="K224" s="2"/>
      <c r="L224" s="2" t="s">
        <v>37</v>
      </c>
    </row>
    <row r="225" spans="1:12" ht="15.2" customHeight="1">
      <c r="A225" s="2" t="s">
        <v>629</v>
      </c>
      <c r="B225" s="2" t="s">
        <v>151</v>
      </c>
      <c r="C225" s="2" t="s">
        <v>39</v>
      </c>
      <c r="D225" s="2" t="s">
        <v>40</v>
      </c>
      <c r="E225" s="2" t="s">
        <v>34</v>
      </c>
      <c r="F225" s="2" t="s">
        <v>41</v>
      </c>
      <c r="G225" s="3">
        <v>5</v>
      </c>
      <c r="H225" s="2" t="s">
        <v>36</v>
      </c>
      <c r="I225" s="3">
        <v>2020</v>
      </c>
      <c r="J225" s="2" t="s">
        <v>19</v>
      </c>
      <c r="K225" s="2"/>
      <c r="L225" s="2" t="s">
        <v>42</v>
      </c>
    </row>
    <row r="226" spans="1:12" ht="15.2" customHeight="1">
      <c r="A226" s="2" t="s">
        <v>629</v>
      </c>
      <c r="B226" s="2" t="s">
        <v>152</v>
      </c>
      <c r="C226" s="2" t="s">
        <v>44</v>
      </c>
      <c r="D226" s="2" t="s">
        <v>45</v>
      </c>
      <c r="E226" s="2" t="s">
        <v>34</v>
      </c>
      <c r="F226" s="2" t="s">
        <v>46</v>
      </c>
      <c r="G226" s="3">
        <v>8</v>
      </c>
      <c r="H226" s="2" t="s">
        <v>36</v>
      </c>
      <c r="I226" s="3">
        <v>2020</v>
      </c>
      <c r="J226" s="2" t="s">
        <v>19</v>
      </c>
      <c r="K226" s="2"/>
      <c r="L226" s="2" t="s">
        <v>47</v>
      </c>
    </row>
    <row r="227" spans="1:12" ht="15.2" customHeight="1">
      <c r="A227" s="2" t="s">
        <v>629</v>
      </c>
      <c r="B227" s="2" t="s">
        <v>153</v>
      </c>
      <c r="C227" s="2" t="s">
        <v>714</v>
      </c>
      <c r="D227" s="2" t="s">
        <v>715</v>
      </c>
      <c r="E227" s="2" t="s">
        <v>34</v>
      </c>
      <c r="F227" s="2" t="s">
        <v>716</v>
      </c>
      <c r="G227" s="3">
        <v>6</v>
      </c>
      <c r="H227" s="2" t="s">
        <v>70</v>
      </c>
      <c r="I227" s="3">
        <v>2017</v>
      </c>
      <c r="J227" s="2" t="s">
        <v>19</v>
      </c>
      <c r="K227" s="2"/>
      <c r="L227" s="2" t="s">
        <v>717</v>
      </c>
    </row>
    <row r="228" spans="1:12" ht="15.2" customHeight="1">
      <c r="A228" s="2" t="s">
        <v>629</v>
      </c>
      <c r="B228" s="2" t="s">
        <v>154</v>
      </c>
      <c r="C228" s="2" t="s">
        <v>633</v>
      </c>
      <c r="D228" s="2" t="s">
        <v>242</v>
      </c>
      <c r="E228" s="2" t="s">
        <v>243</v>
      </c>
      <c r="F228" s="2" t="s">
        <v>634</v>
      </c>
      <c r="G228" s="3">
        <v>9</v>
      </c>
      <c r="H228" s="2" t="s">
        <v>245</v>
      </c>
      <c r="I228" s="3">
        <v>2007</v>
      </c>
      <c r="J228" s="2" t="s">
        <v>19</v>
      </c>
      <c r="K228" s="2"/>
      <c r="L228" s="2" t="s">
        <v>635</v>
      </c>
    </row>
    <row r="229" spans="1:12" ht="15.2" customHeight="1">
      <c r="A229" s="2" t="s">
        <v>629</v>
      </c>
      <c r="B229" s="2" t="s">
        <v>155</v>
      </c>
      <c r="C229" s="2" t="s">
        <v>636</v>
      </c>
      <c r="D229" s="2" t="s">
        <v>242</v>
      </c>
      <c r="E229" s="2" t="s">
        <v>243</v>
      </c>
      <c r="F229" s="2" t="s">
        <v>637</v>
      </c>
      <c r="G229" s="3">
        <v>10</v>
      </c>
      <c r="H229" s="2" t="s">
        <v>245</v>
      </c>
      <c r="I229" s="3">
        <v>2007</v>
      </c>
      <c r="J229" s="2" t="s">
        <v>19</v>
      </c>
      <c r="K229" s="2"/>
      <c r="L229" s="2" t="s">
        <v>638</v>
      </c>
    </row>
    <row r="230" spans="1:12" ht="15.2" customHeight="1">
      <c r="A230" s="2" t="s">
        <v>629</v>
      </c>
      <c r="B230" s="2" t="s">
        <v>156</v>
      </c>
      <c r="C230" s="2" t="s">
        <v>647</v>
      </c>
      <c r="D230" s="2" t="s">
        <v>648</v>
      </c>
      <c r="E230" s="2" t="s">
        <v>355</v>
      </c>
      <c r="F230" s="2" t="s">
        <v>649</v>
      </c>
      <c r="G230" s="3">
        <v>4</v>
      </c>
      <c r="H230" s="2" t="s">
        <v>357</v>
      </c>
      <c r="I230" s="3">
        <v>2010</v>
      </c>
      <c r="J230" s="2" t="s">
        <v>76</v>
      </c>
      <c r="K230" s="2"/>
      <c r="L230" s="2" t="s">
        <v>650</v>
      </c>
    </row>
    <row r="231" spans="1:12" ht="15.2" customHeight="1">
      <c r="A231" s="2" t="s">
        <v>629</v>
      </c>
      <c r="B231" s="2" t="s">
        <v>161</v>
      </c>
      <c r="C231" s="2" t="s">
        <v>651</v>
      </c>
      <c r="D231" s="2" t="s">
        <v>652</v>
      </c>
      <c r="E231" s="2" t="s">
        <v>260</v>
      </c>
      <c r="F231" s="2" t="s">
        <v>653</v>
      </c>
      <c r="G231" s="3">
        <v>9</v>
      </c>
      <c r="H231" s="2" t="s">
        <v>245</v>
      </c>
      <c r="I231" s="3">
        <v>2012</v>
      </c>
      <c r="J231" s="2" t="s">
        <v>76</v>
      </c>
      <c r="K231" s="2"/>
      <c r="L231" s="2" t="s">
        <v>654</v>
      </c>
    </row>
    <row r="232" spans="1:12" ht="15.2" customHeight="1">
      <c r="A232" s="2" t="s">
        <v>629</v>
      </c>
      <c r="B232" s="2" t="s">
        <v>334</v>
      </c>
      <c r="C232" s="2" t="s">
        <v>655</v>
      </c>
      <c r="D232" s="2" t="s">
        <v>656</v>
      </c>
      <c r="E232" s="2" t="s">
        <v>260</v>
      </c>
      <c r="F232" s="2" t="s">
        <v>657</v>
      </c>
      <c r="G232" s="3">
        <v>10</v>
      </c>
      <c r="H232" s="2" t="s">
        <v>245</v>
      </c>
      <c r="I232" s="3">
        <v>2012</v>
      </c>
      <c r="J232" s="2" t="s">
        <v>76</v>
      </c>
      <c r="K232" s="2"/>
      <c r="L232" s="2" t="s">
        <v>658</v>
      </c>
    </row>
    <row r="233" spans="1:12" ht="15.2" customHeight="1">
      <c r="A233" s="2" t="s">
        <v>629</v>
      </c>
      <c r="B233" s="2" t="s">
        <v>165</v>
      </c>
      <c r="C233" s="2" t="s">
        <v>659</v>
      </c>
      <c r="D233" s="2" t="s">
        <v>660</v>
      </c>
      <c r="E233" s="2" t="s">
        <v>270</v>
      </c>
      <c r="F233" s="2" t="s">
        <v>661</v>
      </c>
      <c r="G233" s="3">
        <v>10</v>
      </c>
      <c r="H233" s="2" t="s">
        <v>70</v>
      </c>
      <c r="I233" s="3">
        <v>2015</v>
      </c>
      <c r="J233" s="2" t="s">
        <v>19</v>
      </c>
      <c r="K233" s="2"/>
      <c r="L233" s="2" t="s">
        <v>272</v>
      </c>
    </row>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LOMARI, Yasmine</dc:creator>
  <cp:lastModifiedBy>El Omari, Yasmine</cp:lastModifiedBy>
  <dcterms:modified xsi:type="dcterms:W3CDTF">2021-01-10T21:02:05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